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hidePivotFieldList="1"/>
  <mc:AlternateContent xmlns:mc="http://schemas.openxmlformats.org/markup-compatibility/2006">
    <mc:Choice Requires="x15">
      <x15ac:absPath xmlns:x15ac="http://schemas.microsoft.com/office/spreadsheetml/2010/11/ac" url="\\kfs01\s1336\02_人材確保グループ\15_看護職\456_就業実態調査\01_★病院調査\07 結果報告\03_HP掲載\"/>
    </mc:Choice>
  </mc:AlternateContent>
  <xr:revisionPtr revIDLastSave="0" documentId="13_ncr:1_{0652F3F2-0EBC-418E-96B4-5F4B35FB535F}" xr6:coauthVersionLast="47" xr6:coauthVersionMax="47" xr10:uidLastSave="{00000000-0000-0000-0000-000000000000}"/>
  <bookViews>
    <workbookView xWindow="-108" yWindow="-108" windowWidth="23256" windowHeight="12456" tabRatio="819" xr2:uid="{00000000-000D-0000-FFFF-FFFF00000000}"/>
  </bookViews>
  <sheets>
    <sheet name="１-１職員数・離職率" sheetId="5" r:id="rId1"/>
    <sheet name="１-２外国籍職員" sheetId="103" r:id="rId2"/>
    <sheet name="１-３看護補助者" sheetId="40" r:id="rId3"/>
    <sheet name="２-１新卒採用・離職（全体）" sheetId="85" r:id="rId4"/>
    <sheet name="２-２新卒（県内）" sheetId="104" r:id="rId5"/>
    <sheet name="２-３新卒（県外）" sheetId="105" r:id="rId6"/>
    <sheet name="３-1経験者採用状況 " sheetId="75" r:id="rId7"/>
    <sheet name="３-2経験者採用状況" sheetId="99" r:id="rId8"/>
    <sheet name="４経験年数別離職率" sheetId="16" r:id="rId9"/>
    <sheet name="５退職理由" sheetId="100" r:id="rId10"/>
    <sheet name="６新人研修" sheetId="94" r:id="rId11"/>
    <sheet name="７令和7年度採用状況" sheetId="20" r:id="rId12"/>
    <sheet name="８保有資格" sheetId="102" r:id="rId13"/>
    <sheet name="９特定行為研修" sheetId="80" r:id="rId14"/>
  </sheets>
  <definedNames>
    <definedName name="_xlnm.Print_Area" localSheetId="0">'１-１職員数・離職率'!$A$1:$Q$36</definedName>
    <definedName name="_xlnm.Print_Area" localSheetId="1">'１-２外国籍職員'!$A$1:$P$35</definedName>
    <definedName name="_xlnm.Print_Area" localSheetId="2">'１-３看護補助者'!$A$1:$K$50</definedName>
    <definedName name="_xlnm.Print_Area" localSheetId="3">'２-１新卒採用・離職（全体）'!$A$1:$J$34</definedName>
    <definedName name="_xlnm.Print_Area" localSheetId="4">'２-２新卒（県内）'!$A$1:$J$34</definedName>
    <definedName name="_xlnm.Print_Area" localSheetId="5">'２-３新卒（県外）'!$A$1:$J$34</definedName>
    <definedName name="_xlnm.Print_Area" localSheetId="6">'３-1経験者採用状況 '!$A$1:$W$37</definedName>
    <definedName name="_xlnm.Print_Area" localSheetId="7">'３-2経験者採用状況'!$A$1:$K$34</definedName>
    <definedName name="_xlnm.Print_Area" localSheetId="8">'４経験年数別離職率'!$A$1:$P$34</definedName>
    <definedName name="_xlnm.Print_Area" localSheetId="9">'５退職理由'!$A$1:$S$68</definedName>
    <definedName name="_xlnm.Print_Area" localSheetId="10">'６新人研修'!$A$1:$M$90</definedName>
    <definedName name="_xlnm.Print_Area" localSheetId="11">'７令和7年度採用状況'!$A$1:$L$34</definedName>
    <definedName name="_xlnm.Print_Area" localSheetId="12">'８保有資格'!$A$1:$H$23</definedName>
    <definedName name="_xlnm.Print_Area" localSheetId="13">'９特定行為研修'!$A$1:$L$8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314" uniqueCount="339">
  <si>
    <t>相模原</t>
    <rPh sb="0" eb="3">
      <t>サガミハラ</t>
    </rPh>
    <phoneticPr fontId="1"/>
  </si>
  <si>
    <t>湘南東部</t>
    <rPh sb="0" eb="2">
      <t>ショウナン</t>
    </rPh>
    <rPh sb="2" eb="4">
      <t>トウブ</t>
    </rPh>
    <phoneticPr fontId="1"/>
  </si>
  <si>
    <t>湘南西部</t>
    <rPh sb="0" eb="2">
      <t>ショウナン</t>
    </rPh>
    <rPh sb="2" eb="4">
      <t>セイブ</t>
    </rPh>
    <phoneticPr fontId="1"/>
  </si>
  <si>
    <t>横須賀・三浦</t>
    <rPh sb="0" eb="3">
      <t>ヨコスカ</t>
    </rPh>
    <rPh sb="4" eb="6">
      <t>ミウラ</t>
    </rPh>
    <phoneticPr fontId="1"/>
  </si>
  <si>
    <t>県西</t>
    <rPh sb="0" eb="2">
      <t>ケンセイ</t>
    </rPh>
    <phoneticPr fontId="1"/>
  </si>
  <si>
    <t>県央</t>
    <rPh sb="0" eb="2">
      <t>ケンオウ</t>
    </rPh>
    <phoneticPr fontId="1"/>
  </si>
  <si>
    <t>病床数</t>
    <rPh sb="0" eb="3">
      <t>ビョウショウスウ</t>
    </rPh>
    <phoneticPr fontId="2"/>
  </si>
  <si>
    <t>病床数</t>
  </si>
  <si>
    <t>100～199</t>
  </si>
  <si>
    <t>200～299</t>
  </si>
  <si>
    <t>500以上</t>
  </si>
  <si>
    <t>合計</t>
  </si>
  <si>
    <t>全体</t>
    <rPh sb="0" eb="2">
      <t>ゼンタイ</t>
    </rPh>
    <phoneticPr fontId="2"/>
  </si>
  <si>
    <t>常勤</t>
    <rPh sb="0" eb="2">
      <t>ジョウキン</t>
    </rPh>
    <phoneticPr fontId="2"/>
  </si>
  <si>
    <t>非常勤</t>
    <rPh sb="0" eb="3">
      <t>ヒジョウキン</t>
    </rPh>
    <phoneticPr fontId="2"/>
  </si>
  <si>
    <t>合　計</t>
  </si>
  <si>
    <t>（２）　職種別離職率</t>
    <rPh sb="4" eb="7">
      <t>ショクシュベツ</t>
    </rPh>
    <rPh sb="7" eb="10">
      <t>リショクリツ</t>
    </rPh>
    <phoneticPr fontId="2"/>
  </si>
  <si>
    <t>保健師</t>
    <rPh sb="0" eb="2">
      <t>ホケン</t>
    </rPh>
    <rPh sb="2" eb="3">
      <t>シ</t>
    </rPh>
    <phoneticPr fontId="1"/>
  </si>
  <si>
    <t>助産師</t>
    <rPh sb="0" eb="3">
      <t>ジョサンシ</t>
    </rPh>
    <phoneticPr fontId="1"/>
  </si>
  <si>
    <t>看護師</t>
    <rPh sb="0" eb="3">
      <t>カンゴシ</t>
    </rPh>
    <phoneticPr fontId="1"/>
  </si>
  <si>
    <t>准看護師</t>
    <rPh sb="0" eb="1">
      <t>ジュン</t>
    </rPh>
    <rPh sb="1" eb="4">
      <t>カンゴシ</t>
    </rPh>
    <phoneticPr fontId="1"/>
  </si>
  <si>
    <t>（３）　二次医療圏別離職率</t>
    <rPh sb="4" eb="6">
      <t>ニジ</t>
    </rPh>
    <rPh sb="6" eb="8">
      <t>イリョウ</t>
    </rPh>
    <rPh sb="8" eb="9">
      <t>ケン</t>
    </rPh>
    <rPh sb="9" eb="10">
      <t>ベツ</t>
    </rPh>
    <rPh sb="10" eb="12">
      <t>リショク</t>
    </rPh>
    <rPh sb="12" eb="13">
      <t>リツ</t>
    </rPh>
    <phoneticPr fontId="2"/>
  </si>
  <si>
    <t>二次医療圏</t>
    <rPh sb="0" eb="2">
      <t>ニジ</t>
    </rPh>
    <rPh sb="2" eb="4">
      <t>イリョウ</t>
    </rPh>
    <rPh sb="4" eb="5">
      <t>ケン</t>
    </rPh>
    <phoneticPr fontId="2"/>
  </si>
  <si>
    <t>横浜</t>
    <rPh sb="0" eb="2">
      <t>ヨコハマ</t>
    </rPh>
    <phoneticPr fontId="2"/>
  </si>
  <si>
    <t>川崎</t>
    <rPh sb="0" eb="2">
      <t>カワサキ</t>
    </rPh>
    <phoneticPr fontId="2"/>
  </si>
  <si>
    <t>相模原</t>
    <rPh sb="0" eb="3">
      <t>サガミハラ</t>
    </rPh>
    <phoneticPr fontId="2"/>
  </si>
  <si>
    <t>横須賀・三浦</t>
    <rPh sb="0" eb="3">
      <t>ヨコスカ</t>
    </rPh>
    <rPh sb="4" eb="6">
      <t>ミウラ</t>
    </rPh>
    <phoneticPr fontId="2"/>
  </si>
  <si>
    <t>湘南東部</t>
    <rPh sb="0" eb="2">
      <t>ショウナン</t>
    </rPh>
    <rPh sb="2" eb="4">
      <t>トウブ</t>
    </rPh>
    <phoneticPr fontId="2"/>
  </si>
  <si>
    <t>湘南西部</t>
    <rPh sb="0" eb="2">
      <t>ショウナン</t>
    </rPh>
    <rPh sb="2" eb="4">
      <t>セイブ</t>
    </rPh>
    <phoneticPr fontId="2"/>
  </si>
  <si>
    <t>県央</t>
    <rPh sb="0" eb="2">
      <t>ケンオウ</t>
    </rPh>
    <phoneticPr fontId="2"/>
  </si>
  <si>
    <t>県西</t>
    <rPh sb="0" eb="2">
      <t>ケンセイ</t>
    </rPh>
    <phoneticPr fontId="2"/>
  </si>
  <si>
    <t>全体</t>
  </si>
  <si>
    <t>常勤</t>
  </si>
  <si>
    <t>非常勤</t>
  </si>
  <si>
    <t>保健師</t>
  </si>
  <si>
    <t>助産師</t>
  </si>
  <si>
    <t>看護師</t>
  </si>
  <si>
    <t>准看護師</t>
  </si>
  <si>
    <t>二次医療圏</t>
  </si>
  <si>
    <t>横浜</t>
  </si>
  <si>
    <t>川崎</t>
  </si>
  <si>
    <t>相模原</t>
  </si>
  <si>
    <t>横須賀・三浦</t>
  </si>
  <si>
    <t>湘南東部</t>
  </si>
  <si>
    <t>湘南西部</t>
  </si>
  <si>
    <t>県央</t>
  </si>
  <si>
    <t>県西</t>
  </si>
  <si>
    <t>〔全体〕</t>
    <rPh sb="1" eb="3">
      <t>ゼンタイ</t>
    </rPh>
    <phoneticPr fontId="2"/>
  </si>
  <si>
    <t>（１）　病床数別離職率</t>
  </si>
  <si>
    <t>（２）　職種別離職率</t>
  </si>
  <si>
    <t>（３）　二次医療圏別離職率</t>
  </si>
  <si>
    <t>（１）　病床数別離職率</t>
    <rPh sb="4" eb="7">
      <t>ビョウショウスウ</t>
    </rPh>
    <rPh sb="7" eb="8">
      <t>ベツ</t>
    </rPh>
    <rPh sb="8" eb="11">
      <t>リショクリツ</t>
    </rPh>
    <phoneticPr fontId="2"/>
  </si>
  <si>
    <t>２年目</t>
  </si>
  <si>
    <t>結婚</t>
    <rPh sb="0" eb="2">
      <t>ケッコン</t>
    </rPh>
    <phoneticPr fontId="2"/>
  </si>
  <si>
    <t>進学</t>
    <rPh sb="0" eb="2">
      <t>シンガク</t>
    </rPh>
    <phoneticPr fontId="2"/>
  </si>
  <si>
    <t>合計</t>
    <rPh sb="0" eb="2">
      <t>ゴウケイ</t>
    </rPh>
    <phoneticPr fontId="2"/>
  </si>
  <si>
    <t>合　計</t>
  </si>
  <si>
    <t>（１）　病床数別採用状況</t>
    <rPh sb="4" eb="7">
      <t>ビョウショウスウ</t>
    </rPh>
    <rPh sb="7" eb="8">
      <t>ベツ</t>
    </rPh>
    <rPh sb="8" eb="10">
      <t>サイヨウ</t>
    </rPh>
    <rPh sb="10" eb="12">
      <t>ジョウキョウ</t>
    </rPh>
    <phoneticPr fontId="1"/>
  </si>
  <si>
    <t>全体</t>
    <rPh sb="0" eb="2">
      <t>ゼンタイ</t>
    </rPh>
    <phoneticPr fontId="1"/>
  </si>
  <si>
    <t>常勤</t>
    <rPh sb="0" eb="2">
      <t>ジョウキン</t>
    </rPh>
    <phoneticPr fontId="1"/>
  </si>
  <si>
    <t>非常勤</t>
    <rPh sb="0" eb="3">
      <t>ヒジョウキン</t>
    </rPh>
    <phoneticPr fontId="1"/>
  </si>
  <si>
    <t>県内</t>
    <rPh sb="0" eb="2">
      <t>ケンナイ</t>
    </rPh>
    <phoneticPr fontId="1"/>
  </si>
  <si>
    <t>県外</t>
    <rPh sb="0" eb="1">
      <t>ケン</t>
    </rPh>
    <rPh sb="1" eb="2">
      <t>ガイ</t>
    </rPh>
    <phoneticPr fontId="1"/>
  </si>
  <si>
    <t>合計</t>
    <rPh sb="0" eb="2">
      <t>ゴウケイ</t>
    </rPh>
    <phoneticPr fontId="1"/>
  </si>
  <si>
    <t>（２）　職種別採用状況</t>
    <rPh sb="4" eb="7">
      <t>ショクシュベツ</t>
    </rPh>
    <rPh sb="7" eb="9">
      <t>サイヨウ</t>
    </rPh>
    <rPh sb="9" eb="11">
      <t>ジョウキョウ</t>
    </rPh>
    <phoneticPr fontId="1"/>
  </si>
  <si>
    <t>病床数</t>
    <rPh sb="0" eb="3">
      <t>ビョウショウスウ</t>
    </rPh>
    <phoneticPr fontId="1"/>
  </si>
  <si>
    <t>家族の
健康・介護</t>
    <rPh sb="0" eb="2">
      <t>カゾク</t>
    </rPh>
    <rPh sb="4" eb="6">
      <t>ケンコウ</t>
    </rPh>
    <rPh sb="7" eb="9">
      <t>カイゴ</t>
    </rPh>
    <phoneticPr fontId="2"/>
  </si>
  <si>
    <t>転居</t>
    <rPh sb="0" eb="2">
      <t>テンキョ</t>
    </rPh>
    <phoneticPr fontId="2"/>
  </si>
  <si>
    <t>教育体制</t>
    <rPh sb="0" eb="2">
      <t>キョウイク</t>
    </rPh>
    <rPh sb="2" eb="4">
      <t>タイセイ</t>
    </rPh>
    <phoneticPr fontId="2"/>
  </si>
  <si>
    <t>給与
福利厚生</t>
    <rPh sb="0" eb="2">
      <t>キュウヨ</t>
    </rPh>
    <rPh sb="3" eb="5">
      <t>フクリ</t>
    </rPh>
    <rPh sb="5" eb="7">
      <t>コウセイ</t>
    </rPh>
    <phoneticPr fontId="2"/>
  </si>
  <si>
    <t>不明</t>
    <rPh sb="0" eb="2">
      <t>フメイ</t>
    </rPh>
    <phoneticPr fontId="2"/>
  </si>
  <si>
    <t xml:space="preserve">（１）　病床数別離職率  </t>
    <rPh sb="6" eb="7">
      <t>スウ</t>
    </rPh>
    <rPh sb="10" eb="11">
      <t>リツ</t>
    </rPh>
    <phoneticPr fontId="2"/>
  </si>
  <si>
    <t>職種</t>
    <rPh sb="0" eb="2">
      <t>ショクシュ</t>
    </rPh>
    <phoneticPr fontId="1"/>
  </si>
  <si>
    <t>看護師</t>
    <rPh sb="0" eb="2">
      <t>カンゴ</t>
    </rPh>
    <rPh sb="2" eb="3">
      <t>シ</t>
    </rPh>
    <phoneticPr fontId="1"/>
  </si>
  <si>
    <t>准看護師</t>
    <rPh sb="0" eb="4">
      <t>ジュンカンゴシ</t>
    </rPh>
    <phoneticPr fontId="1"/>
  </si>
  <si>
    <t>（１）　病床数別採用状況</t>
    <rPh sb="4" eb="7">
      <t>ビョウショウスウ</t>
    </rPh>
    <rPh sb="7" eb="8">
      <t>ベツ</t>
    </rPh>
    <rPh sb="8" eb="10">
      <t>サイヨウ</t>
    </rPh>
    <rPh sb="10" eb="12">
      <t>ジョウキョウ</t>
    </rPh>
    <phoneticPr fontId="2"/>
  </si>
  <si>
    <t>合　計</t>
  </si>
  <si>
    <t>横浜</t>
    <rPh sb="0" eb="2">
      <t>ヨコハマ</t>
    </rPh>
    <phoneticPr fontId="1"/>
  </si>
  <si>
    <t>川崎</t>
    <rPh sb="0" eb="2">
      <t>カワサキ</t>
    </rPh>
    <phoneticPr fontId="1"/>
  </si>
  <si>
    <t>※複数回答可</t>
    <rPh sb="1" eb="3">
      <t>フクスウ</t>
    </rPh>
    <rPh sb="3" eb="5">
      <t>カイトウ</t>
    </rPh>
    <rPh sb="5" eb="6">
      <t>カ</t>
    </rPh>
    <phoneticPr fontId="1"/>
  </si>
  <si>
    <t>（２）　職種別採用状況</t>
    <rPh sb="4" eb="6">
      <t>ショクシュ</t>
    </rPh>
    <rPh sb="6" eb="7">
      <t>ベツ</t>
    </rPh>
    <rPh sb="7" eb="9">
      <t>サイヨウ</t>
    </rPh>
    <rPh sb="9" eb="11">
      <t>ジョウキョウ</t>
    </rPh>
    <phoneticPr fontId="2"/>
  </si>
  <si>
    <t>５．退職理由</t>
    <rPh sb="2" eb="4">
      <t>タイショク</t>
    </rPh>
    <rPh sb="4" eb="6">
      <t>リユウ</t>
    </rPh>
    <phoneticPr fontId="2"/>
  </si>
  <si>
    <t>20～99</t>
  </si>
  <si>
    <t>400～499</t>
  </si>
  <si>
    <t>平均職員数：</t>
    <rPh sb="0" eb="2">
      <t>ヘイキン</t>
    </rPh>
    <rPh sb="2" eb="4">
      <t>ショクイン</t>
    </rPh>
    <rPh sb="4" eb="5">
      <t>スウ</t>
    </rPh>
    <phoneticPr fontId="1"/>
  </si>
  <si>
    <t>離職率（％）＝退職者数/平均職員数＊100</t>
    <rPh sb="0" eb="3">
      <t>リショクリツ</t>
    </rPh>
    <rPh sb="7" eb="9">
      <t>タイショク</t>
    </rPh>
    <rPh sb="9" eb="10">
      <t>シャ</t>
    </rPh>
    <rPh sb="10" eb="11">
      <t>スウ</t>
    </rPh>
    <rPh sb="12" eb="14">
      <t>ヘイキン</t>
    </rPh>
    <rPh sb="14" eb="16">
      <t>ショクイン</t>
    </rPh>
    <rPh sb="16" eb="17">
      <t>スウ</t>
    </rPh>
    <phoneticPr fontId="1"/>
  </si>
  <si>
    <t>20～99</t>
  </si>
  <si>
    <t>100～199</t>
  </si>
  <si>
    <t>200～299</t>
  </si>
  <si>
    <t>300～399</t>
  </si>
  <si>
    <t>400～499</t>
  </si>
  <si>
    <t>退職者数　：</t>
    <rPh sb="0" eb="3">
      <t>タイショクシャ</t>
    </rPh>
    <rPh sb="3" eb="4">
      <t>スウ</t>
    </rPh>
    <phoneticPr fontId="1"/>
  </si>
  <si>
    <t>人数</t>
    <rPh sb="0" eb="2">
      <t>ニンズウ</t>
    </rPh>
    <phoneticPr fontId="2"/>
  </si>
  <si>
    <t>修了者人数</t>
    <rPh sb="0" eb="3">
      <t>シュウリョウシャ</t>
    </rPh>
    <rPh sb="3" eb="5">
      <t>ニンズウ</t>
    </rPh>
    <phoneticPr fontId="1"/>
  </si>
  <si>
    <t>その他</t>
    <rPh sb="2" eb="3">
      <t>ホカ</t>
    </rPh>
    <phoneticPr fontId="2"/>
  </si>
  <si>
    <t>100～199</t>
  </si>
  <si>
    <t>200～299</t>
  </si>
  <si>
    <t>300～399</t>
  </si>
  <si>
    <t>500～</t>
  </si>
  <si>
    <t>合計</t>
  </si>
  <si>
    <t>20～99</t>
  </si>
  <si>
    <t>300～399</t>
  </si>
  <si>
    <t>400～499</t>
  </si>
  <si>
    <t>（２）二次医療圏別看護補助者数</t>
    <rPh sb="9" eb="11">
      <t>カンゴ</t>
    </rPh>
    <rPh sb="11" eb="14">
      <t>ホジョシャ</t>
    </rPh>
    <rPh sb="14" eb="15">
      <t>スウ</t>
    </rPh>
    <phoneticPr fontId="2"/>
  </si>
  <si>
    <t>（３）　二次医療圏別採用状況</t>
    <rPh sb="4" eb="6">
      <t>ニジ</t>
    </rPh>
    <rPh sb="6" eb="8">
      <t>イリョウ</t>
    </rPh>
    <rPh sb="8" eb="9">
      <t>ケン</t>
    </rPh>
    <rPh sb="9" eb="10">
      <t>ベツ</t>
    </rPh>
    <rPh sb="10" eb="12">
      <t>サイヨウ</t>
    </rPh>
    <rPh sb="12" eb="14">
      <t>ジョウキョウ</t>
    </rPh>
    <phoneticPr fontId="1"/>
  </si>
  <si>
    <t>川崎</t>
  </si>
  <si>
    <t>定年退職</t>
    <rPh sb="0" eb="2">
      <t>テイネン</t>
    </rPh>
    <rPh sb="2" eb="4">
      <t>タイショク</t>
    </rPh>
    <phoneticPr fontId="1"/>
  </si>
  <si>
    <t>県内就職先</t>
    <rPh sb="0" eb="2">
      <t>ケンナイ</t>
    </rPh>
    <rPh sb="2" eb="4">
      <t>シュウショク</t>
    </rPh>
    <rPh sb="4" eb="5">
      <t>サキ</t>
    </rPh>
    <phoneticPr fontId="2"/>
  </si>
  <si>
    <t>３年目</t>
  </si>
  <si>
    <t>５年目</t>
  </si>
  <si>
    <t>６年目以降</t>
    <rPh sb="3" eb="5">
      <t>イコウ</t>
    </rPh>
    <phoneticPr fontId="1"/>
  </si>
  <si>
    <t>計</t>
    <rPh sb="0" eb="1">
      <t>ケイ</t>
    </rPh>
    <phoneticPr fontId="1"/>
  </si>
  <si>
    <t>退職理由</t>
  </si>
  <si>
    <t>通算経験</t>
  </si>
  <si>
    <t>２年目</t>
  </si>
  <si>
    <t>４年目</t>
  </si>
  <si>
    <t>新人</t>
    <rPh sb="0" eb="2">
      <t>シンジン</t>
    </rPh>
    <phoneticPr fontId="1"/>
  </si>
  <si>
    <t>３年目</t>
    <rPh sb="1" eb="3">
      <t>ネンメ</t>
    </rPh>
    <phoneticPr fontId="1"/>
  </si>
  <si>
    <t>４年目</t>
    <rPh sb="1" eb="3">
      <t>ネンメ</t>
    </rPh>
    <phoneticPr fontId="1"/>
  </si>
  <si>
    <t>５年目</t>
    <rPh sb="1" eb="3">
      <t>ネンメ</t>
    </rPh>
    <phoneticPr fontId="1"/>
  </si>
  <si>
    <t>（３）　二次医療圏別</t>
    <rPh sb="4" eb="6">
      <t>ニジ</t>
    </rPh>
    <rPh sb="6" eb="8">
      <t>イリョウ</t>
    </rPh>
    <rPh sb="8" eb="9">
      <t>ケン</t>
    </rPh>
    <rPh sb="9" eb="10">
      <t>ベツ</t>
    </rPh>
    <phoneticPr fontId="1"/>
  </si>
  <si>
    <t>二次医療圏</t>
    <rPh sb="0" eb="5">
      <t>ニジイリョウケン</t>
    </rPh>
    <phoneticPr fontId="1"/>
  </si>
  <si>
    <t>職種</t>
    <rPh sb="0" eb="2">
      <t>ショクシュ</t>
    </rPh>
    <phoneticPr fontId="1"/>
  </si>
  <si>
    <t>訪問看護ＳＴ</t>
    <rPh sb="0" eb="4">
      <t>ホウモンカンゴ</t>
    </rPh>
    <phoneticPr fontId="2"/>
  </si>
  <si>
    <t>老健・特養</t>
    <rPh sb="0" eb="2">
      <t>ロウケン</t>
    </rPh>
    <rPh sb="3" eb="5">
      <t>トクヨウ</t>
    </rPh>
    <phoneticPr fontId="2"/>
  </si>
  <si>
    <t>採用あり</t>
    <rPh sb="0" eb="2">
      <t>サイヨウ</t>
    </rPh>
    <phoneticPr fontId="2"/>
  </si>
  <si>
    <t xml:space="preserve">平均職員数    </t>
    <rPh sb="0" eb="2">
      <t>ヘイキン</t>
    </rPh>
    <rPh sb="2" eb="4">
      <t>ショクイン</t>
    </rPh>
    <rPh sb="4" eb="5">
      <t>スウ</t>
    </rPh>
    <phoneticPr fontId="1"/>
  </si>
  <si>
    <t>自施設雇用</t>
    <rPh sb="0" eb="1">
      <t>ジ</t>
    </rPh>
    <rPh sb="1" eb="3">
      <t>シセツ</t>
    </rPh>
    <rPh sb="3" eb="5">
      <t>コヨウ</t>
    </rPh>
    <phoneticPr fontId="2"/>
  </si>
  <si>
    <t>委託派遣等</t>
    <rPh sb="0" eb="2">
      <t>イタク</t>
    </rPh>
    <rPh sb="2" eb="4">
      <t>ハケン</t>
    </rPh>
    <rPh sb="4" eb="5">
      <t>トウ</t>
    </rPh>
    <phoneticPr fontId="2"/>
  </si>
  <si>
    <t>（１）病床数別看護補助者数</t>
    <rPh sb="6" eb="7">
      <t>ベツ</t>
    </rPh>
    <rPh sb="7" eb="9">
      <t>カンゴ</t>
    </rPh>
    <rPh sb="9" eb="12">
      <t>ホジョシャ</t>
    </rPh>
    <rPh sb="12" eb="13">
      <t>スウ</t>
    </rPh>
    <phoneticPr fontId="2"/>
  </si>
  <si>
    <t>看護補助者
合計</t>
    <rPh sb="0" eb="2">
      <t>カンゴ</t>
    </rPh>
    <rPh sb="2" eb="5">
      <t>ホジョシャ</t>
    </rPh>
    <rPh sb="6" eb="8">
      <t>ゴウケイ</t>
    </rPh>
    <phoneticPr fontId="1"/>
  </si>
  <si>
    <t>看護補助者
合計</t>
    <rPh sb="0" eb="2">
      <t>カンゴ</t>
    </rPh>
    <rPh sb="2" eb="4">
      <t>ホジョ</t>
    </rPh>
    <rPh sb="4" eb="5">
      <t>シャ</t>
    </rPh>
    <rPh sb="6" eb="8">
      <t>ゴウケイ</t>
    </rPh>
    <phoneticPr fontId="1"/>
  </si>
  <si>
    <t>離職率</t>
  </si>
  <si>
    <t>職種</t>
  </si>
  <si>
    <t>二次医療圏</t>
    <rPh sb="0" eb="2">
      <t>ニジ</t>
    </rPh>
    <rPh sb="2" eb="4">
      <t>イリョウ</t>
    </rPh>
    <rPh sb="4" eb="5">
      <t>ケン</t>
    </rPh>
    <phoneticPr fontId="1"/>
  </si>
  <si>
    <t>県内</t>
    <rPh sb="0" eb="2">
      <t>ケンナイ</t>
    </rPh>
    <phoneticPr fontId="2"/>
  </si>
  <si>
    <t>県外</t>
    <rPh sb="0" eb="2">
      <t>ケンガイ</t>
    </rPh>
    <phoneticPr fontId="2"/>
  </si>
  <si>
    <t>採用必要数</t>
    <rPh sb="0" eb="2">
      <t>サイヨウ</t>
    </rPh>
    <rPh sb="2" eb="5">
      <t>ヒツヨウスウ</t>
    </rPh>
    <phoneticPr fontId="1"/>
  </si>
  <si>
    <t>採用者数</t>
    <rPh sb="0" eb="3">
      <t>サイヨウシャ</t>
    </rPh>
    <rPh sb="3" eb="4">
      <t>スウ</t>
    </rPh>
    <phoneticPr fontId="1"/>
  </si>
  <si>
    <t>二次医療圏</t>
    <rPh sb="0" eb="2">
      <t>ニジ</t>
    </rPh>
    <rPh sb="2" eb="4">
      <t>イリョウ</t>
    </rPh>
    <rPh sb="4" eb="5">
      <t>ケン</t>
    </rPh>
    <phoneticPr fontId="1"/>
  </si>
  <si>
    <t>６．新人研修</t>
    <rPh sb="2" eb="4">
      <t>シンジン</t>
    </rPh>
    <rPh sb="4" eb="6">
      <t>ケンシュウ</t>
    </rPh>
    <phoneticPr fontId="2"/>
  </si>
  <si>
    <t>２．新卒新採用職員　採用状況と離職率</t>
    <rPh sb="7" eb="9">
      <t>ショクイン</t>
    </rPh>
    <rPh sb="10" eb="12">
      <t>サイヨウ</t>
    </rPh>
    <rPh sb="12" eb="14">
      <t>ジョウキョウ</t>
    </rPh>
    <rPh sb="15" eb="18">
      <t>リショクリツ</t>
    </rPh>
    <phoneticPr fontId="2"/>
  </si>
  <si>
    <t>〔県内の養成校を卒業したもの〕</t>
    <rPh sb="1" eb="3">
      <t>ケンナイ</t>
    </rPh>
    <rPh sb="4" eb="6">
      <t>ヨウセイ</t>
    </rPh>
    <rPh sb="6" eb="7">
      <t>コウ</t>
    </rPh>
    <rPh sb="8" eb="10">
      <t>ソツギョウ</t>
    </rPh>
    <phoneticPr fontId="2"/>
  </si>
  <si>
    <t>〔県外の養成校を卒業したもの〕</t>
    <rPh sb="1" eb="3">
      <t>ケンガイ</t>
    </rPh>
    <rPh sb="4" eb="6">
      <t>ヨウセイ</t>
    </rPh>
    <rPh sb="6" eb="7">
      <t>コウ</t>
    </rPh>
    <rPh sb="8" eb="10">
      <t>ソツギョウ</t>
    </rPh>
    <phoneticPr fontId="2"/>
  </si>
  <si>
    <t>（１）　病床数別　退職理由（人数）</t>
    <rPh sb="4" eb="7">
      <t>ビョウショウスウ</t>
    </rPh>
    <rPh sb="7" eb="8">
      <t>ベツ</t>
    </rPh>
    <rPh sb="9" eb="11">
      <t>タイショク</t>
    </rPh>
    <rPh sb="11" eb="13">
      <t>リユウ</t>
    </rPh>
    <rPh sb="14" eb="16">
      <t>ニンズウ</t>
    </rPh>
    <phoneticPr fontId="2"/>
  </si>
  <si>
    <t>全体</t>
  </si>
  <si>
    <t>離職率　　</t>
  </si>
  <si>
    <t>離職率（％）＝退職者数/平均職員数＊100</t>
    <rPh sb="7" eb="9">
      <t>タイショク</t>
    </rPh>
    <rPh sb="9" eb="10">
      <t>シャ</t>
    </rPh>
    <rPh sb="10" eb="11">
      <t>スウ</t>
    </rPh>
    <rPh sb="12" eb="14">
      <t>ヘイキン</t>
    </rPh>
    <rPh sb="14" eb="16">
      <t>ショクイン</t>
    </rPh>
    <rPh sb="16" eb="17">
      <t>スウ</t>
    </rPh>
    <phoneticPr fontId="1"/>
  </si>
  <si>
    <t>構成比　</t>
  </si>
  <si>
    <t>確保率（％）＝採用者数/採用必要数＊100</t>
    <rPh sb="0" eb="2">
      <t>カクホ</t>
    </rPh>
    <rPh sb="7" eb="10">
      <t>サイヨウシャ</t>
    </rPh>
    <rPh sb="10" eb="11">
      <t>スウ</t>
    </rPh>
    <rPh sb="12" eb="14">
      <t>サイヨウ</t>
    </rPh>
    <rPh sb="14" eb="17">
      <t>ヒツヨウスウ</t>
    </rPh>
    <phoneticPr fontId="1"/>
  </si>
  <si>
    <t>保健師</t>
    <rPh sb="0" eb="3">
      <t>ホケンシ</t>
    </rPh>
    <phoneticPr fontId="1"/>
  </si>
  <si>
    <t>新人*</t>
    <rPh sb="0" eb="2">
      <t>シンジン</t>
    </rPh>
    <phoneticPr fontId="1"/>
  </si>
  <si>
    <t>（４）到達目標の評価　①基本姿勢と態度</t>
    <rPh sb="3" eb="5">
      <t>トウタツ</t>
    </rPh>
    <rPh sb="5" eb="7">
      <t>モクヒョウ</t>
    </rPh>
    <rPh sb="8" eb="10">
      <t>ヒョウカ</t>
    </rPh>
    <rPh sb="12" eb="16">
      <t>キホンシセイ</t>
    </rPh>
    <rPh sb="17" eb="19">
      <t>タイド</t>
    </rPh>
    <phoneticPr fontId="1"/>
  </si>
  <si>
    <t>（４）②看護技術</t>
    <rPh sb="4" eb="6">
      <t>カンゴ</t>
    </rPh>
    <rPh sb="6" eb="8">
      <t>ギジュツ</t>
    </rPh>
    <phoneticPr fontId="1"/>
  </si>
  <si>
    <t>（４）③管理的側面</t>
    <rPh sb="4" eb="7">
      <t>カンリテキ</t>
    </rPh>
    <rPh sb="7" eb="9">
      <t>ソクメン</t>
    </rPh>
    <phoneticPr fontId="1"/>
  </si>
  <si>
    <t>（５）メンタルサポート・相談体制</t>
    <rPh sb="12" eb="14">
      <t>ソウダン</t>
    </rPh>
    <rPh sb="14" eb="16">
      <t>タイセイ</t>
    </rPh>
    <phoneticPr fontId="1"/>
  </si>
  <si>
    <t>できた</t>
  </si>
  <si>
    <t>あまりできなかった</t>
  </si>
  <si>
    <t>できなかった</t>
  </si>
  <si>
    <t>①基本姿勢と態度</t>
    <rPh sb="1" eb="3">
      <t>キホン</t>
    </rPh>
    <rPh sb="3" eb="5">
      <t>シセイ</t>
    </rPh>
    <rPh sb="6" eb="8">
      <t>タイド</t>
    </rPh>
    <phoneticPr fontId="1"/>
  </si>
  <si>
    <t>②看護技術</t>
    <rPh sb="1" eb="3">
      <t>カンゴ</t>
    </rPh>
    <rPh sb="3" eb="5">
      <t>ギジュツ</t>
    </rPh>
    <phoneticPr fontId="1"/>
  </si>
  <si>
    <t>③管理的側面</t>
    <rPh sb="1" eb="4">
      <t>カンリテキ</t>
    </rPh>
    <rPh sb="4" eb="6">
      <t>ソクメン</t>
    </rPh>
    <phoneticPr fontId="1"/>
  </si>
  <si>
    <t>できた/できなかった</t>
  </si>
  <si>
    <t>　１-１看護職員離職率</t>
    <rPh sb="4" eb="6">
      <t>カンゴ</t>
    </rPh>
    <rPh sb="6" eb="8">
      <t>ショクイン</t>
    </rPh>
    <rPh sb="8" eb="11">
      <t>リショクリツ</t>
    </rPh>
    <phoneticPr fontId="2"/>
  </si>
  <si>
    <t>１．看護職員等就業状況</t>
    <rPh sb="2" eb="4">
      <t>カンゴ</t>
    </rPh>
    <rPh sb="4" eb="6">
      <t>ショクイン</t>
    </rPh>
    <rPh sb="6" eb="7">
      <t>トウ</t>
    </rPh>
    <rPh sb="7" eb="9">
      <t>シュウギョウ</t>
    </rPh>
    <rPh sb="9" eb="11">
      <t>ジョウキョウ</t>
    </rPh>
    <phoneticPr fontId="2"/>
  </si>
  <si>
    <t>　１-２外国籍看護職員離職率</t>
    <rPh sb="4" eb="7">
      <t>ガイコクセキ</t>
    </rPh>
    <rPh sb="7" eb="9">
      <t>カンゴ</t>
    </rPh>
    <rPh sb="9" eb="11">
      <t>ショクイン</t>
    </rPh>
    <rPh sb="11" eb="14">
      <t>リショクリツ</t>
    </rPh>
    <phoneticPr fontId="2"/>
  </si>
  <si>
    <t>　１-３看護補助者就業状況</t>
    <rPh sb="4" eb="6">
      <t>カンゴ</t>
    </rPh>
    <rPh sb="6" eb="9">
      <t>ホジョシャ</t>
    </rPh>
    <rPh sb="9" eb="11">
      <t>シュウギョウ</t>
    </rPh>
    <rPh sb="11" eb="13">
      <t>ジョウキョウ</t>
    </rPh>
    <phoneticPr fontId="2"/>
  </si>
  <si>
    <t>結果</t>
  </si>
  <si>
    <t>退職者数</t>
    <rPh sb="0" eb="3">
      <t>タイショクシャ</t>
    </rPh>
    <rPh sb="3" eb="4">
      <t>スウ</t>
    </rPh>
    <phoneticPr fontId="1"/>
  </si>
  <si>
    <t>合　計</t>
  </si>
  <si>
    <t>構成比</t>
    <rPh sb="0" eb="3">
      <t>コウセイヒ</t>
    </rPh>
    <phoneticPr fontId="1"/>
  </si>
  <si>
    <t>３．経験者　採用状況</t>
    <rPh sb="2" eb="5">
      <t>ケイケンシャ</t>
    </rPh>
    <rPh sb="6" eb="8">
      <t>サイヨウ</t>
    </rPh>
    <rPh sb="8" eb="10">
      <t>ジョウキョウ</t>
    </rPh>
    <phoneticPr fontId="1"/>
  </si>
  <si>
    <t>*新人は【２．新卒新採用職員　採用状況と離職率】〔全体〕常勤 再掲</t>
    <rPh sb="1" eb="3">
      <t>シンジン</t>
    </rPh>
    <rPh sb="25" eb="27">
      <t>ゼンタイ</t>
    </rPh>
    <rPh sb="28" eb="30">
      <t>ジョウキン</t>
    </rPh>
    <rPh sb="31" eb="33">
      <t>サイケイ</t>
    </rPh>
    <phoneticPr fontId="1"/>
  </si>
  <si>
    <t>４．常勤職員　経験年数別離職率</t>
    <rPh sb="2" eb="4">
      <t>ジョウキン</t>
    </rPh>
    <rPh sb="4" eb="6">
      <t>ショクイン</t>
    </rPh>
    <rPh sb="7" eb="9">
      <t>ケイケン</t>
    </rPh>
    <rPh sb="9" eb="11">
      <t>ネンスウ</t>
    </rPh>
    <rPh sb="11" eb="12">
      <t>ベツ</t>
    </rPh>
    <rPh sb="12" eb="15">
      <t>リショクリツ</t>
    </rPh>
    <phoneticPr fontId="2"/>
  </si>
  <si>
    <t>（１）-２　二次医療圏別</t>
    <rPh sb="6" eb="11">
      <t>ニジイリョウケン</t>
    </rPh>
    <rPh sb="11" eb="12">
      <t>ベツ</t>
    </rPh>
    <phoneticPr fontId="1"/>
  </si>
  <si>
    <t>（１）-２　二次医療圏別</t>
    <rPh sb="6" eb="8">
      <t>ニジ</t>
    </rPh>
    <rPh sb="8" eb="10">
      <t>イリョウ</t>
    </rPh>
    <rPh sb="10" eb="11">
      <t>ケン</t>
    </rPh>
    <rPh sb="11" eb="12">
      <t>ベツ</t>
    </rPh>
    <phoneticPr fontId="1"/>
  </si>
  <si>
    <t>（３）-２　二次医療圏別</t>
    <rPh sb="6" eb="8">
      <t>ニジ</t>
    </rPh>
    <rPh sb="8" eb="10">
      <t>イリョウ</t>
    </rPh>
    <rPh sb="10" eb="11">
      <t>ケン</t>
    </rPh>
    <rPh sb="11" eb="12">
      <t>ベツ</t>
    </rPh>
    <phoneticPr fontId="1"/>
  </si>
  <si>
    <t>（１）-１　特定行為研修の修了者等　病床数別</t>
    <rPh sb="6" eb="8">
      <t>トクテイ</t>
    </rPh>
    <rPh sb="8" eb="10">
      <t>コウイ</t>
    </rPh>
    <rPh sb="10" eb="12">
      <t>ケンシュウ</t>
    </rPh>
    <rPh sb="13" eb="16">
      <t>シュウリョウシャ</t>
    </rPh>
    <rPh sb="16" eb="17">
      <t>トウ</t>
    </rPh>
    <rPh sb="18" eb="21">
      <t>ビョウショウスウ</t>
    </rPh>
    <rPh sb="21" eb="22">
      <t>ベツ</t>
    </rPh>
    <phoneticPr fontId="2"/>
  </si>
  <si>
    <t>（１）-１　採用状況　病床数別</t>
    <rPh sb="6" eb="8">
      <t>サイヨウ</t>
    </rPh>
    <rPh sb="8" eb="10">
      <t>ジョウキョウ</t>
    </rPh>
    <rPh sb="11" eb="14">
      <t>ビョウショウスウ</t>
    </rPh>
    <rPh sb="14" eb="15">
      <t>ベツ</t>
    </rPh>
    <phoneticPr fontId="2"/>
  </si>
  <si>
    <t>（３）-２　（３）-１のうち　その他・コメント</t>
    <rPh sb="17" eb="18">
      <t>ホカ</t>
    </rPh>
    <phoneticPr fontId="1"/>
  </si>
  <si>
    <t>（２）-１　病床数別 退職後の進路（人数）</t>
    <rPh sb="6" eb="9">
      <t>ビョウショウスウ</t>
    </rPh>
    <rPh sb="9" eb="10">
      <t>ベツ</t>
    </rPh>
    <rPh sb="11" eb="14">
      <t>タイショクゴ</t>
    </rPh>
    <rPh sb="15" eb="17">
      <t>シンロ</t>
    </rPh>
    <rPh sb="18" eb="20">
      <t>ニンズウ</t>
    </rPh>
    <phoneticPr fontId="2"/>
  </si>
  <si>
    <t>離職率</t>
  </si>
  <si>
    <t>病床数</t>
    <rPh sb="0" eb="2">
      <t>ビョウショウ</t>
    </rPh>
    <rPh sb="2" eb="3">
      <t>スウ</t>
    </rPh>
    <phoneticPr fontId="1"/>
  </si>
  <si>
    <t>回答施設数</t>
    <rPh sb="0" eb="2">
      <t>カイトウ</t>
    </rPh>
    <rPh sb="2" eb="4">
      <t>シセツ</t>
    </rPh>
    <rPh sb="4" eb="5">
      <t>スウ</t>
    </rPh>
    <phoneticPr fontId="2"/>
  </si>
  <si>
    <t>回答施設数*</t>
    <rPh sb="0" eb="2">
      <t>カイトウ</t>
    </rPh>
    <rPh sb="2" eb="4">
      <t>シセツ</t>
    </rPh>
    <rPh sb="4" eb="5">
      <t>スウ</t>
    </rPh>
    <phoneticPr fontId="2"/>
  </si>
  <si>
    <t>*全回答施設数から必要0採用0の施設を除いた件数</t>
    <rPh sb="1" eb="2">
      <t>ゼン</t>
    </rPh>
    <rPh sb="2" eb="4">
      <t>カイトウ</t>
    </rPh>
    <rPh sb="4" eb="6">
      <t>シセツ</t>
    </rPh>
    <rPh sb="6" eb="7">
      <t>スウ</t>
    </rPh>
    <rPh sb="9" eb="11">
      <t>ヒツヨウ</t>
    </rPh>
    <rPh sb="12" eb="14">
      <t>サイヨウ</t>
    </rPh>
    <rPh sb="16" eb="18">
      <t>シセツ</t>
    </rPh>
    <rPh sb="19" eb="20">
      <t>ノゾ</t>
    </rPh>
    <rPh sb="22" eb="24">
      <t>ケンスウ</t>
    </rPh>
    <phoneticPr fontId="1"/>
  </si>
  <si>
    <t>あると回答した施設数</t>
    <rPh sb="3" eb="5">
      <t>カイトウ</t>
    </rPh>
    <rPh sb="7" eb="9">
      <t>シセツ</t>
    </rPh>
    <rPh sb="9" eb="10">
      <t>スウ</t>
    </rPh>
    <phoneticPr fontId="1"/>
  </si>
  <si>
    <t>回答施設数</t>
    <rPh sb="0" eb="2">
      <t>カイトウ</t>
    </rPh>
    <rPh sb="2" eb="4">
      <t>シセツ</t>
    </rPh>
    <rPh sb="4" eb="5">
      <t>スウ</t>
    </rPh>
    <phoneticPr fontId="1"/>
  </si>
  <si>
    <t>いると回答した施設の
割合</t>
    <rPh sb="3" eb="5">
      <t>カイトウ</t>
    </rPh>
    <rPh sb="7" eb="9">
      <t>シセツ</t>
    </rPh>
    <rPh sb="11" eb="13">
      <t>ワリアイ</t>
    </rPh>
    <phoneticPr fontId="1"/>
  </si>
  <si>
    <t>n=</t>
  </si>
  <si>
    <t>まあまあできた</t>
  </si>
  <si>
    <t>n=退職者0を含まない（1名以上いる）事業所</t>
    <rPh sb="2" eb="4">
      <t>タイショク</t>
    </rPh>
    <rPh sb="4" eb="5">
      <t>シャ</t>
    </rPh>
    <rPh sb="7" eb="8">
      <t>フク</t>
    </rPh>
    <rPh sb="13" eb="16">
      <t>メイイジョウ</t>
    </rPh>
    <rPh sb="19" eb="22">
      <t>ジギョウショ</t>
    </rPh>
    <phoneticPr fontId="1"/>
  </si>
  <si>
    <t>修了者のいる施設</t>
    <rPh sb="0" eb="3">
      <t>シュウリョウシャ</t>
    </rPh>
    <rPh sb="6" eb="8">
      <t>シセツ</t>
    </rPh>
    <phoneticPr fontId="1"/>
  </si>
  <si>
    <t>　　　特定行為区分</t>
  </si>
  <si>
    <t>小計（延べ）</t>
    <rPh sb="0" eb="2">
      <t>ショウケイ</t>
    </rPh>
    <rPh sb="3" eb="4">
      <t>ノ</t>
    </rPh>
    <phoneticPr fontId="1"/>
  </si>
  <si>
    <t>修了者合計　特定行為区分+領域別（延べ）</t>
    <rPh sb="0" eb="3">
      <t>シュウリョウシャ</t>
    </rPh>
    <rPh sb="3" eb="5">
      <t>ゴウケイ</t>
    </rPh>
    <rPh sb="6" eb="8">
      <t>トクテイ</t>
    </rPh>
    <rPh sb="8" eb="10">
      <t>コウイ</t>
    </rPh>
    <rPh sb="10" eb="12">
      <t>クブン</t>
    </rPh>
    <rPh sb="13" eb="15">
      <t>リョウイキ</t>
    </rPh>
    <rPh sb="15" eb="16">
      <t>ベツ</t>
    </rPh>
    <rPh sb="17" eb="18">
      <t>ノ</t>
    </rPh>
    <phoneticPr fontId="1"/>
  </si>
  <si>
    <t>看護補助者合計のうち60歳以上の人数</t>
    <rPh sb="0" eb="2">
      <t>カンゴ</t>
    </rPh>
    <rPh sb="2" eb="5">
      <t>ホジョシャ</t>
    </rPh>
    <rPh sb="5" eb="7">
      <t>ゴウケイ</t>
    </rPh>
    <rPh sb="12" eb="15">
      <t>サイイジョウ</t>
    </rPh>
    <rPh sb="16" eb="18">
      <t>ニンズウ</t>
    </rPh>
    <phoneticPr fontId="1"/>
  </si>
  <si>
    <t>足りている施設</t>
    <rPh sb="0" eb="1">
      <t>タ</t>
    </rPh>
    <rPh sb="5" eb="7">
      <t>シセツ</t>
    </rPh>
    <phoneticPr fontId="1"/>
  </si>
  <si>
    <t>不足人数合計</t>
    <rPh sb="0" eb="2">
      <t>フソク</t>
    </rPh>
    <rPh sb="2" eb="4">
      <t>ニンズウ</t>
    </rPh>
    <rPh sb="4" eb="6">
      <t>ゴウケイ</t>
    </rPh>
    <phoneticPr fontId="1"/>
  </si>
  <si>
    <t>不足している施設</t>
    <rPh sb="0" eb="2">
      <t>フソク</t>
    </rPh>
    <rPh sb="6" eb="8">
      <t>シセツ</t>
    </rPh>
    <phoneticPr fontId="1"/>
  </si>
  <si>
    <t>　*　不足人数合計/不足している施設数</t>
    <rPh sb="3" eb="5">
      <t>フソク</t>
    </rPh>
    <rPh sb="5" eb="7">
      <t>ニンズウ</t>
    </rPh>
    <rPh sb="7" eb="9">
      <t>ゴウケイ</t>
    </rPh>
    <rPh sb="10" eb="12">
      <t>フソク</t>
    </rPh>
    <rPh sb="16" eb="18">
      <t>シセツ</t>
    </rPh>
    <rPh sb="18" eb="19">
      <t>スウ</t>
    </rPh>
    <phoneticPr fontId="1"/>
  </si>
  <si>
    <t>1施設当たり
平均不足人数　*</t>
    <rPh sb="1" eb="3">
      <t>シセツ</t>
    </rPh>
    <rPh sb="3" eb="4">
      <t>ア</t>
    </rPh>
    <phoneticPr fontId="1"/>
  </si>
  <si>
    <t>60歳以上の割合</t>
    <rPh sb="2" eb="5">
      <t>サイイジョウ</t>
    </rPh>
    <rPh sb="6" eb="8">
      <t>ワリアイ</t>
    </rPh>
    <phoneticPr fontId="1"/>
  </si>
  <si>
    <t>（３）病床数別充足状況</t>
    <rPh sb="3" eb="6">
      <t>ビョウショウスウ</t>
    </rPh>
    <rPh sb="6" eb="7">
      <t>ベツ</t>
    </rPh>
    <rPh sb="7" eb="9">
      <t>ジュウソク</t>
    </rPh>
    <rPh sb="9" eb="11">
      <t>ジョウキョウ</t>
    </rPh>
    <phoneticPr fontId="2"/>
  </si>
  <si>
    <t>（４）二次医療圏別充足状況</t>
    <rPh sb="3" eb="8">
      <t>ニジイリョウケン</t>
    </rPh>
    <rPh sb="8" eb="9">
      <t>ベツ</t>
    </rPh>
    <rPh sb="9" eb="11">
      <t>ジュウソク</t>
    </rPh>
    <rPh sb="11" eb="13">
      <t>ジョウキョウ</t>
    </rPh>
    <phoneticPr fontId="2"/>
  </si>
  <si>
    <t>小計</t>
    <rPh sb="0" eb="2">
      <t>ショウケイ</t>
    </rPh>
    <phoneticPr fontId="1"/>
  </si>
  <si>
    <t>経験者採用全体</t>
    <rPh sb="0" eb="3">
      <t>ケイケンシャ</t>
    </rPh>
    <rPh sb="3" eb="5">
      <t>サイヨウ</t>
    </rPh>
    <rPh sb="5" eb="7">
      <t>ゼンタイ</t>
    </rPh>
    <phoneticPr fontId="1"/>
  </si>
  <si>
    <t>割合</t>
    <rPh sb="0" eb="2">
      <t>ワリアイ</t>
    </rPh>
    <phoneticPr fontId="1"/>
  </si>
  <si>
    <t>身体不調</t>
    <rPh sb="0" eb="2">
      <t>シンタイ</t>
    </rPh>
    <rPh sb="2" eb="4">
      <t>フチョウ</t>
    </rPh>
    <phoneticPr fontId="2"/>
  </si>
  <si>
    <t>メンタル不調</t>
    <rPh sb="4" eb="6">
      <t>フチョウ</t>
    </rPh>
    <phoneticPr fontId="2"/>
  </si>
  <si>
    <t>その他（異動・他施設転職含）</t>
    <rPh sb="2" eb="3">
      <t>ホカ</t>
    </rPh>
    <rPh sb="4" eb="6">
      <t>イドウ</t>
    </rPh>
    <rPh sb="7" eb="8">
      <t>タ</t>
    </rPh>
    <rPh sb="8" eb="10">
      <t>シセツ</t>
    </rPh>
    <rPh sb="10" eb="12">
      <t>テンショク</t>
    </rPh>
    <rPh sb="12" eb="13">
      <t>フク</t>
    </rPh>
    <phoneticPr fontId="2"/>
  </si>
  <si>
    <t>不明（未把握ほか）</t>
    <rPh sb="0" eb="2">
      <t>フメイ</t>
    </rPh>
    <rPh sb="3" eb="4">
      <t>ミ</t>
    </rPh>
    <rPh sb="4" eb="6">
      <t>ハアク</t>
    </rPh>
    <phoneticPr fontId="2"/>
  </si>
  <si>
    <t>妊娠
出産子育て</t>
    <rPh sb="0" eb="2">
      <t>ニンシン</t>
    </rPh>
    <rPh sb="3" eb="5">
      <t>シュッサン</t>
    </rPh>
    <rPh sb="5" eb="7">
      <t>コソダ</t>
    </rPh>
    <phoneticPr fontId="2"/>
  </si>
  <si>
    <t>勤務負担</t>
    <rPh sb="0" eb="2">
      <t>キンム</t>
    </rPh>
    <rPh sb="2" eb="4">
      <t>フタン</t>
    </rPh>
    <phoneticPr fontId="2"/>
  </si>
  <si>
    <t>人間関係</t>
    <rPh sb="0" eb="2">
      <t>ニンゲン</t>
    </rPh>
    <rPh sb="2" eb="4">
      <t>カンケイ</t>
    </rPh>
    <phoneticPr fontId="2"/>
  </si>
  <si>
    <t>結婚</t>
    <rPh sb="0" eb="2">
      <t>ケッコン</t>
    </rPh>
    <phoneticPr fontId="1"/>
  </si>
  <si>
    <t>妊娠
出産子育て</t>
    <rPh sb="0" eb="2">
      <t>ニンシン</t>
    </rPh>
    <rPh sb="3" eb="5">
      <t>シュッサン</t>
    </rPh>
    <rPh sb="5" eb="7">
      <t>コソダ</t>
    </rPh>
    <phoneticPr fontId="1"/>
  </si>
  <si>
    <t>進学</t>
    <rPh sb="0" eb="2">
      <t>シンガク</t>
    </rPh>
    <phoneticPr fontId="1"/>
  </si>
  <si>
    <t>身体不調</t>
    <rPh sb="0" eb="2">
      <t>シンタイ</t>
    </rPh>
    <rPh sb="2" eb="4">
      <t>フチョウ</t>
    </rPh>
    <phoneticPr fontId="1"/>
  </si>
  <si>
    <t>メンタル不調</t>
    <rPh sb="4" eb="6">
      <t>フチョウ</t>
    </rPh>
    <phoneticPr fontId="1"/>
  </si>
  <si>
    <t>転居</t>
    <rPh sb="0" eb="2">
      <t>テンキョ</t>
    </rPh>
    <phoneticPr fontId="1"/>
  </si>
  <si>
    <t>教育体制</t>
    <rPh sb="0" eb="2">
      <t>キョウイク</t>
    </rPh>
    <rPh sb="2" eb="4">
      <t>タイセイ</t>
    </rPh>
    <phoneticPr fontId="1"/>
  </si>
  <si>
    <t>勤務負担</t>
    <rPh sb="0" eb="2">
      <t>キンム</t>
    </rPh>
    <rPh sb="2" eb="4">
      <t>フタン</t>
    </rPh>
    <phoneticPr fontId="1"/>
  </si>
  <si>
    <t>給与
福利厚生</t>
    <rPh sb="0" eb="2">
      <t>キュウヨ</t>
    </rPh>
    <rPh sb="3" eb="5">
      <t>フクリ</t>
    </rPh>
    <rPh sb="5" eb="7">
      <t>コウセイ</t>
    </rPh>
    <phoneticPr fontId="1"/>
  </si>
  <si>
    <t>人間関係</t>
    <rPh sb="0" eb="2">
      <t>ニンゲン</t>
    </rPh>
    <rPh sb="2" eb="4">
      <t>カンケイ</t>
    </rPh>
    <phoneticPr fontId="1"/>
  </si>
  <si>
    <t>その他（異動・他施設転職含）</t>
    <rPh sb="2" eb="3">
      <t>ホカ</t>
    </rPh>
    <rPh sb="4" eb="6">
      <t>イドウ</t>
    </rPh>
    <rPh sb="7" eb="8">
      <t>タ</t>
    </rPh>
    <rPh sb="8" eb="10">
      <t>シセツ</t>
    </rPh>
    <rPh sb="10" eb="12">
      <t>テンショク</t>
    </rPh>
    <rPh sb="12" eb="13">
      <t>フク</t>
    </rPh>
    <phoneticPr fontId="1"/>
  </si>
  <si>
    <t>他職種</t>
    <rPh sb="0" eb="1">
      <t>タ</t>
    </rPh>
    <rPh sb="1" eb="3">
      <t>ショクシュ</t>
    </rPh>
    <phoneticPr fontId="2"/>
  </si>
  <si>
    <t>（２）-２　病床数別 退職後の就職先（人数）</t>
    <rPh sb="6" eb="9">
      <t>ビョウショウスウ</t>
    </rPh>
    <rPh sb="9" eb="10">
      <t>ベツ</t>
    </rPh>
    <rPh sb="11" eb="14">
      <t>タイショクゴ</t>
    </rPh>
    <rPh sb="15" eb="17">
      <t>シュウショク</t>
    </rPh>
    <rPh sb="17" eb="18">
      <t>サキ</t>
    </rPh>
    <rPh sb="19" eb="21">
      <t>ニンズウ</t>
    </rPh>
    <phoneticPr fontId="2"/>
  </si>
  <si>
    <t>未定</t>
    <rPh sb="0" eb="2">
      <t>ミテイ</t>
    </rPh>
    <phoneticPr fontId="2"/>
  </si>
  <si>
    <t>（２）-３　　（２）-２のうち「県内の就職先」内訳</t>
    <rPh sb="16" eb="18">
      <t>ケンナイ</t>
    </rPh>
    <rPh sb="19" eb="21">
      <t>シュウショク</t>
    </rPh>
    <rPh sb="21" eb="22">
      <t>サキ</t>
    </rPh>
    <rPh sb="23" eb="25">
      <t>ウチワケ</t>
    </rPh>
    <phoneticPr fontId="1"/>
  </si>
  <si>
    <t>他の病院・診療所</t>
    <rPh sb="0" eb="1">
      <t>タ</t>
    </rPh>
    <rPh sb="2" eb="4">
      <t>ビョウイン</t>
    </rPh>
    <rPh sb="5" eb="8">
      <t>シンリョウジョ</t>
    </rPh>
    <phoneticPr fontId="2"/>
  </si>
  <si>
    <t>（３）　二次医療圏別　退職理由（人数）</t>
    <rPh sb="4" eb="9">
      <t>ニジイリョウケン</t>
    </rPh>
    <rPh sb="9" eb="10">
      <t>ベツ</t>
    </rPh>
    <rPh sb="11" eb="13">
      <t>タイショク</t>
    </rPh>
    <rPh sb="13" eb="15">
      <t>リユウ</t>
    </rPh>
    <rPh sb="16" eb="18">
      <t>ニンズウ</t>
    </rPh>
    <phoneticPr fontId="2"/>
  </si>
  <si>
    <t>全て自施設</t>
    <rPh sb="0" eb="1">
      <t>スベ</t>
    </rPh>
    <rPh sb="2" eb="3">
      <t>ジ</t>
    </rPh>
    <rPh sb="3" eb="5">
      <t>シセツ</t>
    </rPh>
    <phoneticPr fontId="1"/>
  </si>
  <si>
    <t>一部外部</t>
    <rPh sb="0" eb="2">
      <t>イチブ</t>
    </rPh>
    <rPh sb="2" eb="4">
      <t>ガイブ</t>
    </rPh>
    <phoneticPr fontId="1"/>
  </si>
  <si>
    <t>全て外部</t>
    <rPh sb="0" eb="1">
      <t>スベ</t>
    </rPh>
    <rPh sb="2" eb="4">
      <t>ガイブ</t>
    </rPh>
    <phoneticPr fontId="1"/>
  </si>
  <si>
    <t>実施していない</t>
    <rPh sb="0" eb="2">
      <t>ジッシ</t>
    </rPh>
    <phoneticPr fontId="2"/>
  </si>
  <si>
    <t>（２）-１　実施状況（ガイドライン）</t>
    <rPh sb="6" eb="8">
      <t>ジッシ</t>
    </rPh>
    <rPh sb="8" eb="10">
      <t>ジョウキョウ</t>
    </rPh>
    <phoneticPr fontId="2"/>
  </si>
  <si>
    <t>（３）-１　実施状況（方法）</t>
    <rPh sb="6" eb="8">
      <t>ジッシ</t>
    </rPh>
    <rPh sb="8" eb="10">
      <t>ジョウキョウ</t>
    </rPh>
    <rPh sb="11" eb="13">
      <t>ホウホウ</t>
    </rPh>
    <phoneticPr fontId="1"/>
  </si>
  <si>
    <t>集合（対面）</t>
    <rPh sb="0" eb="2">
      <t>シュウゴウ</t>
    </rPh>
    <rPh sb="3" eb="5">
      <t>タイメン</t>
    </rPh>
    <phoneticPr fontId="1"/>
  </si>
  <si>
    <t>集合（少人数）</t>
    <rPh sb="0" eb="2">
      <t>シュウゴウ</t>
    </rPh>
    <rPh sb="3" eb="6">
      <t>ショウニンズウ</t>
    </rPh>
    <phoneticPr fontId="1"/>
  </si>
  <si>
    <t>オンライン</t>
  </si>
  <si>
    <t>院外・外部</t>
    <rPh sb="0" eb="2">
      <t>インガイ</t>
    </rPh>
    <rPh sb="3" eb="5">
      <t>ガイブ</t>
    </rPh>
    <phoneticPr fontId="1"/>
  </si>
  <si>
    <t>その他</t>
    <rPh sb="2" eb="3">
      <t>ホカ</t>
    </rPh>
    <phoneticPr fontId="1"/>
  </si>
  <si>
    <t>（２）-２　（２）-１のうち外部研修の実施内容</t>
    <rPh sb="14" eb="16">
      <t>ガイブ</t>
    </rPh>
    <rPh sb="16" eb="18">
      <t>ケンシュウ</t>
    </rPh>
    <rPh sb="19" eb="21">
      <t>ジッシ</t>
    </rPh>
    <rPh sb="21" eb="23">
      <t>ナイヨウ</t>
    </rPh>
    <phoneticPr fontId="1"/>
  </si>
  <si>
    <t>（２）-３　（２）-１のうち　ガイドラインに沿った研修を実施していない理由</t>
    <rPh sb="22" eb="23">
      <t>ソ</t>
    </rPh>
    <rPh sb="25" eb="27">
      <t>ケンシュウ</t>
    </rPh>
    <rPh sb="28" eb="30">
      <t>ジッシ</t>
    </rPh>
    <rPh sb="35" eb="37">
      <t>リユウ</t>
    </rPh>
    <phoneticPr fontId="1"/>
  </si>
  <si>
    <t>確保率</t>
    <rPh sb="0" eb="2">
      <t>カクホ</t>
    </rPh>
    <rPh sb="2" eb="3">
      <t>リツ</t>
    </rPh>
    <phoneticPr fontId="1"/>
  </si>
  <si>
    <t>８．資格保有者</t>
    <rPh sb="2" eb="4">
      <t>シカク</t>
    </rPh>
    <rPh sb="4" eb="7">
      <t>ホユウシャ</t>
    </rPh>
    <phoneticPr fontId="2"/>
  </si>
  <si>
    <t>（１）　病床数別</t>
    <rPh sb="4" eb="7">
      <t>ビョウショウスウ</t>
    </rPh>
    <rPh sb="7" eb="8">
      <t>ベツ</t>
    </rPh>
    <phoneticPr fontId="2"/>
  </si>
  <si>
    <t>専門看護師</t>
    <rPh sb="0" eb="2">
      <t>センモン</t>
    </rPh>
    <rPh sb="2" eb="5">
      <t>カンゴシ</t>
    </rPh>
    <phoneticPr fontId="2"/>
  </si>
  <si>
    <t>認定看護師</t>
    <rPh sb="0" eb="2">
      <t>ニンテイ</t>
    </rPh>
    <rPh sb="2" eb="5">
      <t>カンゴシ</t>
    </rPh>
    <phoneticPr fontId="1"/>
  </si>
  <si>
    <t>ナースプラクティショナー（NP)</t>
  </si>
  <si>
    <t>９．特定行為研修制度</t>
    <rPh sb="2" eb="4">
      <t>トクテイ</t>
    </rPh>
    <rPh sb="4" eb="6">
      <t>コウイ</t>
    </rPh>
    <rPh sb="6" eb="8">
      <t>ケンシュウ</t>
    </rPh>
    <rPh sb="8" eb="10">
      <t>セイド</t>
    </rPh>
    <phoneticPr fontId="2"/>
  </si>
  <si>
    <t>（３）-１　受講経費補助の使用予定　病床数別</t>
    <rPh sb="6" eb="8">
      <t>ジュコウ</t>
    </rPh>
    <rPh sb="8" eb="10">
      <t>ケイヒ</t>
    </rPh>
    <rPh sb="10" eb="12">
      <t>ホジョ</t>
    </rPh>
    <rPh sb="13" eb="15">
      <t>シヨウ</t>
    </rPh>
    <rPh sb="15" eb="17">
      <t>ヨテイ</t>
    </rPh>
    <rPh sb="18" eb="21">
      <t>ビョウショウスウ</t>
    </rPh>
    <rPh sb="21" eb="22">
      <t>ベツ</t>
    </rPh>
    <phoneticPr fontId="2"/>
  </si>
  <si>
    <t>情報収集</t>
    <rPh sb="0" eb="2">
      <t>ジョウホウ</t>
    </rPh>
    <rPh sb="2" eb="4">
      <t>シュウシュウ</t>
    </rPh>
    <phoneticPr fontId="1"/>
  </si>
  <si>
    <t>他職種の理解</t>
    <rPh sb="0" eb="1">
      <t>タ</t>
    </rPh>
    <rPh sb="1" eb="3">
      <t>ショクシュ</t>
    </rPh>
    <rPh sb="4" eb="6">
      <t>リカイ</t>
    </rPh>
    <phoneticPr fontId="1"/>
  </si>
  <si>
    <t>人員不足</t>
    <rPh sb="0" eb="2">
      <t>ジンイン</t>
    </rPh>
    <rPh sb="2" eb="4">
      <t>ブソク</t>
    </rPh>
    <phoneticPr fontId="1"/>
  </si>
  <si>
    <t>希望者なし</t>
    <rPh sb="0" eb="3">
      <t>キボウシャ</t>
    </rPh>
    <phoneticPr fontId="1"/>
  </si>
  <si>
    <t>配置しない</t>
    <rPh sb="0" eb="2">
      <t>ハイチ</t>
    </rPh>
    <phoneticPr fontId="1"/>
  </si>
  <si>
    <t>補助あれば</t>
    <rPh sb="0" eb="2">
      <t>ホジョ</t>
    </rPh>
    <phoneticPr fontId="1"/>
  </si>
  <si>
    <t>経費が高額</t>
    <rPh sb="0" eb="2">
      <t>ケイヒ</t>
    </rPh>
    <rPh sb="3" eb="5">
      <t>コウガク</t>
    </rPh>
    <phoneticPr fontId="1"/>
  </si>
  <si>
    <t>（４）-１　修了者・受講中等の方がいない理由　病床数別</t>
  </si>
  <si>
    <t>（４）-２　二次医療圏別</t>
    <rPh sb="6" eb="8">
      <t>ニジ</t>
    </rPh>
    <rPh sb="8" eb="10">
      <t>イリョウ</t>
    </rPh>
    <rPh sb="10" eb="11">
      <t>ケン</t>
    </rPh>
    <rPh sb="11" eb="12">
      <t>ベツ</t>
    </rPh>
    <phoneticPr fontId="1"/>
  </si>
  <si>
    <t>構成比</t>
    <rPh sb="0" eb="2">
      <t>コウセイ</t>
    </rPh>
    <rPh sb="2" eb="3">
      <t>ヒ</t>
    </rPh>
    <phoneticPr fontId="1"/>
  </si>
  <si>
    <t>R7.3.31職員数</t>
    <rPh sb="7" eb="10">
      <t>ショクインスウ</t>
    </rPh>
    <phoneticPr fontId="1"/>
  </si>
  <si>
    <t>R6.4.1職員数　</t>
    <rPh sb="6" eb="8">
      <t>ショクイン</t>
    </rPh>
    <rPh sb="8" eb="9">
      <t>スウ</t>
    </rPh>
    <phoneticPr fontId="1"/>
  </si>
  <si>
    <t>R6.4.1～R7.3.31の退職者数</t>
    <rPh sb="15" eb="17">
      <t>タイショク</t>
    </rPh>
    <rPh sb="17" eb="18">
      <t>シャ</t>
    </rPh>
    <rPh sb="18" eb="19">
      <t>スウ</t>
    </rPh>
    <phoneticPr fontId="1"/>
  </si>
  <si>
    <t>(R6.4.1職員数＋R7.3.31職員数)/2</t>
    <rPh sb="7" eb="10">
      <t>ショクインスウ</t>
    </rPh>
    <rPh sb="18" eb="21">
      <t>ショクインスウ</t>
    </rPh>
    <phoneticPr fontId="1"/>
  </si>
  <si>
    <t>※R7.3.31時点</t>
    <rPh sb="8" eb="10">
      <t>ジテン</t>
    </rPh>
    <phoneticPr fontId="1"/>
  </si>
  <si>
    <t>R6年度中退職者数</t>
    <rPh sb="4" eb="5">
      <t>ナカ</t>
    </rPh>
    <phoneticPr fontId="2"/>
  </si>
  <si>
    <t>R6年度採用数</t>
    <rPh sb="2" eb="4">
      <t>ネンド</t>
    </rPh>
    <rPh sb="4" eb="6">
      <t>サイヨウ</t>
    </rPh>
    <rPh sb="6" eb="7">
      <t>スウ</t>
    </rPh>
    <phoneticPr fontId="2"/>
  </si>
  <si>
    <t>離職率（％）＝R6年度中退職者数/採用数＊100</t>
    <rPh sb="9" eb="12">
      <t>ネンドチュウ</t>
    </rPh>
    <rPh sb="12" eb="14">
      <t>タイショク</t>
    </rPh>
    <rPh sb="14" eb="15">
      <t>シャ</t>
    </rPh>
    <rPh sb="15" eb="16">
      <t>スウ</t>
    </rPh>
    <rPh sb="17" eb="20">
      <t>サイヨウスウ</t>
    </rPh>
    <phoneticPr fontId="1"/>
  </si>
  <si>
    <t>合計（R6.4.1～R7.3.31）</t>
    <rPh sb="0" eb="2">
      <t>ゴウケイ</t>
    </rPh>
    <phoneticPr fontId="1"/>
  </si>
  <si>
    <t>R6.4.1付け採用者数</t>
    <rPh sb="6" eb="7">
      <t>ヅ</t>
    </rPh>
    <rPh sb="8" eb="10">
      <t>サイヨウ</t>
    </rPh>
    <rPh sb="10" eb="11">
      <t>シャ</t>
    </rPh>
    <rPh sb="11" eb="12">
      <t>スウ</t>
    </rPh>
    <phoneticPr fontId="1"/>
  </si>
  <si>
    <t>R6.4.2～R7.3.31までの採用者数</t>
    <rPh sb="17" eb="19">
      <t>サイヨウ</t>
    </rPh>
    <rPh sb="19" eb="20">
      <t>シャ</t>
    </rPh>
    <rPh sb="20" eb="21">
      <t>スウ</t>
    </rPh>
    <phoneticPr fontId="1"/>
  </si>
  <si>
    <t>３．経験者　採用状況（定年後採用者）</t>
    <rPh sb="2" eb="5">
      <t>ケイケンシャ</t>
    </rPh>
    <rPh sb="6" eb="8">
      <t>サイヨウ</t>
    </rPh>
    <rPh sb="8" eb="10">
      <t>ジョウキョウ</t>
    </rPh>
    <rPh sb="11" eb="14">
      <t>テイネンゴ</t>
    </rPh>
    <rPh sb="14" eb="17">
      <t>サイヨウシャ</t>
    </rPh>
    <phoneticPr fontId="1"/>
  </si>
  <si>
    <t>うち
定年後採用者</t>
  </si>
  <si>
    <t>R6年度採用者数</t>
    <rPh sb="2" eb="4">
      <t>ネンド</t>
    </rPh>
    <rPh sb="4" eb="6">
      <t>サイヨウ</t>
    </rPh>
    <rPh sb="6" eb="7">
      <t>シャ</t>
    </rPh>
    <rPh sb="7" eb="8">
      <t>スウ</t>
    </rPh>
    <phoneticPr fontId="2"/>
  </si>
  <si>
    <t>R6.4.1在籍数</t>
  </si>
  <si>
    <t>新人離職率（％）＝R6年度中退職者数/R6年度採用数＊100</t>
    <rPh sb="0" eb="2">
      <t>シンジン</t>
    </rPh>
    <rPh sb="11" eb="13">
      <t>ネンド</t>
    </rPh>
    <rPh sb="13" eb="14">
      <t>チュウ</t>
    </rPh>
    <rPh sb="14" eb="16">
      <t>タイショク</t>
    </rPh>
    <rPh sb="16" eb="17">
      <t>シャ</t>
    </rPh>
    <rPh sb="17" eb="18">
      <t>スウ</t>
    </rPh>
    <rPh sb="21" eb="23">
      <t>ネンド</t>
    </rPh>
    <rPh sb="23" eb="26">
      <t>サイヨウスウ</t>
    </rPh>
    <phoneticPr fontId="1"/>
  </si>
  <si>
    <t>2年目以降離職率（％）＝R6年度中退職者数/R6.4.1在籍数＊100</t>
    <rPh sb="1" eb="5">
      <t>ネンメイコウ</t>
    </rPh>
    <rPh sb="14" eb="16">
      <t>ネンド</t>
    </rPh>
    <rPh sb="16" eb="17">
      <t>チュウ</t>
    </rPh>
    <rPh sb="17" eb="19">
      <t>タイショク</t>
    </rPh>
    <rPh sb="19" eb="20">
      <t>シャ</t>
    </rPh>
    <rPh sb="20" eb="21">
      <t>スウ</t>
    </rPh>
    <rPh sb="28" eb="30">
      <t>ザイセキ</t>
    </rPh>
    <rPh sb="30" eb="31">
      <t>スウ</t>
    </rPh>
    <phoneticPr fontId="1"/>
  </si>
  <si>
    <t>看護職</t>
    <rPh sb="0" eb="3">
      <t>カンゴショク</t>
    </rPh>
    <phoneticPr fontId="2"/>
  </si>
  <si>
    <t>家族の健康・介護</t>
    <rPh sb="0" eb="2">
      <t>カゾク</t>
    </rPh>
    <rPh sb="3" eb="5">
      <t>ケンコウ</t>
    </rPh>
    <rPh sb="6" eb="8">
      <t>カイゴ</t>
    </rPh>
    <phoneticPr fontId="1"/>
  </si>
  <si>
    <t>不明（未把握ほか）</t>
  </si>
  <si>
    <t>７．令和７年度　採用状況</t>
    <rPh sb="5" eb="7">
      <t>ネンド</t>
    </rPh>
    <rPh sb="8" eb="10">
      <t>サイヨウ</t>
    </rPh>
    <rPh sb="10" eb="12">
      <t>ジョウキョウ</t>
    </rPh>
    <phoneticPr fontId="2"/>
  </si>
  <si>
    <t>R6までの修了者数</t>
    <rPh sb="5" eb="8">
      <t>シュウリョウシャ</t>
    </rPh>
    <rPh sb="8" eb="9">
      <t>スウ</t>
    </rPh>
    <phoneticPr fontId="1"/>
  </si>
  <si>
    <t>　①　呼吸器（気道確保に係るもの）関連</t>
  </si>
  <si>
    <t>　②　呼吸器（人工呼吸療法に係るもの）関連</t>
  </si>
  <si>
    <t>　③　呼吸器（長期呼吸療法に係るもの）関連</t>
  </si>
  <si>
    <t>　④　循環器関連</t>
  </si>
  <si>
    <t>　⑤　心嚢ドレーン管理関連</t>
    <rPh sb="4" eb="5">
      <t>ノウ</t>
    </rPh>
    <phoneticPr fontId="1"/>
  </si>
  <si>
    <t>　⑥　胸腔ドレーン管理関連</t>
  </si>
  <si>
    <t>　⑦　腹腔ドレーン管理関連</t>
  </si>
  <si>
    <t>　⑧　ろう孔管理関連</t>
  </si>
  <si>
    <t>　⑨　栄養に係るカテーテル管理（中心静脈カテーテル管理）関連</t>
  </si>
  <si>
    <t>　⑪　創傷管理関連</t>
  </si>
  <si>
    <t>　⑫　創部ドレーン管理関連</t>
  </si>
  <si>
    <t>　⑬　動脈血液ガス分析関連</t>
  </si>
  <si>
    <t>　⑭　透析管理関連</t>
  </si>
  <si>
    <t>　⑮　栄養及び水分管理に係る薬剤投与関連</t>
  </si>
  <si>
    <t>　⑯　感染に係る薬剤投与関連</t>
  </si>
  <si>
    <t>　⑰　血糖コントロールに係る薬剤投与関連</t>
  </si>
  <si>
    <t>　⑱　術後疼痛管理関連</t>
    <rPh sb="5" eb="6">
      <t>トウ</t>
    </rPh>
    <phoneticPr fontId="1"/>
  </si>
  <si>
    <t>　⑲　循環動態に係る薬剤投与関連</t>
  </si>
  <si>
    <t>　⑳　精神及び神経症状に係る薬剤投与関連</t>
  </si>
  <si>
    <t>　㉑　皮膚損傷に係る薬剤投与関連</t>
  </si>
  <si>
    <t>　　　領域別パッケージ区分</t>
    <rPh sb="3" eb="5">
      <t>リョウイキ</t>
    </rPh>
    <rPh sb="5" eb="6">
      <t>ベツ</t>
    </rPh>
    <rPh sb="11" eb="13">
      <t>クブン</t>
    </rPh>
    <phoneticPr fontId="1"/>
  </si>
  <si>
    <t>　①　在宅・慢性期領域</t>
    <rPh sb="3" eb="5">
      <t>ザイタク</t>
    </rPh>
    <rPh sb="6" eb="9">
      <t>マンセイキ</t>
    </rPh>
    <rPh sb="9" eb="11">
      <t>リョウイキ</t>
    </rPh>
    <phoneticPr fontId="1"/>
  </si>
  <si>
    <t>　②　外科術後病棟管理領域</t>
    <rPh sb="3" eb="5">
      <t>ゲカ</t>
    </rPh>
    <rPh sb="5" eb="7">
      <t>ジュツゴ</t>
    </rPh>
    <rPh sb="7" eb="9">
      <t>ビョウトウ</t>
    </rPh>
    <rPh sb="9" eb="11">
      <t>カンリ</t>
    </rPh>
    <rPh sb="11" eb="13">
      <t>リョウイキ</t>
    </rPh>
    <phoneticPr fontId="1"/>
  </si>
  <si>
    <t>　③　術中麻酔管理領域</t>
    <rPh sb="3" eb="5">
      <t>ジュツチュウ</t>
    </rPh>
    <rPh sb="5" eb="7">
      <t>マスイ</t>
    </rPh>
    <rPh sb="7" eb="9">
      <t>カンリ</t>
    </rPh>
    <rPh sb="9" eb="11">
      <t>リョウイキ</t>
    </rPh>
    <phoneticPr fontId="1"/>
  </si>
  <si>
    <t>　④　救急領域</t>
    <rPh sb="3" eb="5">
      <t>キュウキュウ</t>
    </rPh>
    <rPh sb="5" eb="7">
      <t>リョウイキ</t>
    </rPh>
    <phoneticPr fontId="1"/>
  </si>
  <si>
    <t>　⑤　外科系基本領域</t>
    <rPh sb="3" eb="5">
      <t>ゲカ</t>
    </rPh>
    <rPh sb="5" eb="6">
      <t>ケイ</t>
    </rPh>
    <rPh sb="6" eb="8">
      <t>キホン</t>
    </rPh>
    <rPh sb="8" eb="10">
      <t>リョウイキ</t>
    </rPh>
    <phoneticPr fontId="1"/>
  </si>
  <si>
    <t>　⑥　集中治療領域</t>
    <rPh sb="3" eb="5">
      <t>シュウチュウ</t>
    </rPh>
    <rPh sb="5" eb="7">
      <t>チリョウ</t>
    </rPh>
    <rPh sb="7" eb="9">
      <t>リョウイキ</t>
    </rPh>
    <phoneticPr fontId="1"/>
  </si>
  <si>
    <t>（２）　研修修了者の特定行為区分別人数</t>
    <rPh sb="4" eb="6">
      <t>ケンシュウ</t>
    </rPh>
    <rPh sb="6" eb="9">
      <t>シュウリョウシャ</t>
    </rPh>
    <rPh sb="10" eb="12">
      <t>トクテイ</t>
    </rPh>
    <rPh sb="12" eb="14">
      <t>コウイ</t>
    </rPh>
    <rPh sb="14" eb="16">
      <t>クブン</t>
    </rPh>
    <rPh sb="16" eb="17">
      <t>ベツ</t>
    </rPh>
    <rPh sb="17" eb="19">
      <t>ニンズウ</t>
    </rPh>
    <phoneticPr fontId="2"/>
  </si>
  <si>
    <r>
      <t>　⑩　</t>
    </r>
    <r>
      <rPr>
        <sz val="10"/>
        <rFont val="ＭＳ Ｐ明朝"/>
        <family val="1"/>
        <charset val="128"/>
      </rPr>
      <t>栄養に係るｶﾃｰﾃﾙ管理（末梢留置型中心静脈注射用ｶﾃｰﾃﾙ管理）関連</t>
    </r>
  </si>
  <si>
    <t>・フィジカルアセスメント</t>
  </si>
  <si>
    <t>・ビジネスマナー</t>
  </si>
  <si>
    <t>・看護協会新人研修</t>
  </si>
  <si>
    <t>-</t>
  </si>
  <si>
    <t>-</t>
  </si>
  <si>
    <t>-</t>
  </si>
  <si>
    <t>※複数回答可、総回答数275</t>
    <rPh sb="1" eb="3">
      <t>フクスウ</t>
    </rPh>
    <rPh sb="3" eb="5">
      <t>カイトウ</t>
    </rPh>
    <rPh sb="5" eb="6">
      <t>カ</t>
    </rPh>
    <rPh sb="7" eb="8">
      <t>ソウ</t>
    </rPh>
    <rPh sb="8" eb="10">
      <t>カイトウ</t>
    </rPh>
    <rPh sb="10" eb="11">
      <t>スウ</t>
    </rPh>
    <phoneticPr fontId="1"/>
  </si>
  <si>
    <t>・eラーニング</t>
  </si>
  <si>
    <t>・他部門への実務体験研修（入退院支援部門）</t>
  </si>
  <si>
    <t>・がんばれ新人ナース</t>
    <phoneticPr fontId="1"/>
  </si>
  <si>
    <t>・その他（精神疾患、医療ガス研修、おむつ交換研修、スキルアップ研修等）</t>
    <rPh sb="3" eb="4">
      <t>ホカ</t>
    </rPh>
    <rPh sb="5" eb="7">
      <t>セイシン</t>
    </rPh>
    <rPh sb="7" eb="9">
      <t>シッカン</t>
    </rPh>
    <rPh sb="31" eb="33">
      <t>ケンシュウ</t>
    </rPh>
    <rPh sb="33" eb="34">
      <t>ナド</t>
    </rPh>
    <phoneticPr fontId="1"/>
  </si>
  <si>
    <t>（４）のうち「あまりできなかった」「できなかった」評価の理由</t>
    <rPh sb="25" eb="27">
      <t>ヒョウカ</t>
    </rPh>
    <rPh sb="28" eb="30">
      <t>リユウ</t>
    </rPh>
    <phoneticPr fontId="1"/>
  </si>
  <si>
    <t>・途中退職のため</t>
    <rPh sb="1" eb="3">
      <t>トチュウ</t>
    </rPh>
    <rPh sb="3" eb="5">
      <t>タイショク</t>
    </rPh>
    <phoneticPr fontId="1"/>
  </si>
  <si>
    <t>・研修時間確保が困難</t>
    <rPh sb="1" eb="3">
      <t>ケンシュウ</t>
    </rPh>
    <rPh sb="3" eb="5">
      <t>ジカン</t>
    </rPh>
    <rPh sb="5" eb="7">
      <t>カクホ</t>
    </rPh>
    <rPh sb="8" eb="10">
      <t>コンナン</t>
    </rPh>
    <phoneticPr fontId="1"/>
  </si>
  <si>
    <t>　*（２）-２と（２）-３の回答人数が異なる事業所がある
  ため合計が一致しない</t>
    <rPh sb="14" eb="16">
      <t>カイトウ</t>
    </rPh>
    <rPh sb="16" eb="18">
      <t>ニンズウ</t>
    </rPh>
    <rPh sb="19" eb="20">
      <t>コト</t>
    </rPh>
    <rPh sb="22" eb="25">
      <t>ジギョウショ</t>
    </rPh>
    <rPh sb="33" eb="35">
      <t>ゴウケイ</t>
    </rPh>
    <rPh sb="36" eb="38">
      <t>イッチ</t>
    </rPh>
    <phoneticPr fontId="1"/>
  </si>
  <si>
    <t>（３）‐１　二次医療圏別 退職後の進路（人数）</t>
    <rPh sb="6" eb="11">
      <t>ニジイリョウケン</t>
    </rPh>
    <rPh sb="11" eb="12">
      <t>ベツ</t>
    </rPh>
    <rPh sb="13" eb="16">
      <t>タイショクゴ</t>
    </rPh>
    <rPh sb="17" eb="19">
      <t>シンロ</t>
    </rPh>
    <rPh sb="20" eb="22">
      <t>ニンズウ</t>
    </rPh>
    <phoneticPr fontId="2"/>
  </si>
  <si>
    <t>（３）‐２　二次医療圏別 退職後の就職先（人数）</t>
    <rPh sb="6" eb="11">
      <t>ニジイリョウケン</t>
    </rPh>
    <rPh sb="11" eb="12">
      <t>ベツ</t>
    </rPh>
    <rPh sb="13" eb="16">
      <t>タイショクゴ</t>
    </rPh>
    <rPh sb="17" eb="19">
      <t>シュウショク</t>
    </rPh>
    <rPh sb="19" eb="20">
      <t>サキ</t>
    </rPh>
    <rPh sb="21" eb="23">
      <t>ニンズウ</t>
    </rPh>
    <phoneticPr fontId="2"/>
  </si>
  <si>
    <t>（４）　経験年数別退職理由（人数）</t>
    <rPh sb="4" eb="6">
      <t>ケイケン</t>
    </rPh>
    <rPh sb="6" eb="8">
      <t>ネンスウ</t>
    </rPh>
    <rPh sb="8" eb="9">
      <t>ベツ</t>
    </rPh>
    <rPh sb="9" eb="11">
      <t>タイショク</t>
    </rPh>
    <rPh sb="11" eb="13">
      <t>リユウ</t>
    </rPh>
    <rPh sb="14" eb="16">
      <t>ニンズウ</t>
    </rPh>
    <phoneticPr fontId="1"/>
  </si>
  <si>
    <t>（５）のうち「あまりできなかった」「できなかった」評価の理由</t>
    <rPh sb="25" eb="27">
      <t>ヒョウカ</t>
    </rPh>
    <rPh sb="28" eb="30">
      <t>リユウ</t>
    </rPh>
    <phoneticPr fontId="1"/>
  </si>
  <si>
    <t>・効果的な研修実施が困難</t>
    <phoneticPr fontId="1"/>
  </si>
  <si>
    <t>・効果的な研修実施が困難</t>
    <rPh sb="1" eb="4">
      <t>コウカテキ</t>
    </rPh>
    <rPh sb="5" eb="7">
      <t>ケンシュウ</t>
    </rPh>
    <rPh sb="7" eb="9">
      <t>ジッシ</t>
    </rPh>
    <rPh sb="10" eb="12">
      <t>コンナン</t>
    </rPh>
    <phoneticPr fontId="1"/>
  </si>
  <si>
    <t>・担当者確保が困難</t>
    <rPh sb="1" eb="4">
      <t>タントウシャ</t>
    </rPh>
    <rPh sb="4" eb="6">
      <t>カクホ</t>
    </rPh>
    <rPh sb="7" eb="9">
      <t>コンナン</t>
    </rPh>
    <phoneticPr fontId="1"/>
  </si>
  <si>
    <t>・あまりメンタルサポートを意識できなかったため</t>
    <rPh sb="13" eb="15">
      <t>イシキ</t>
    </rPh>
    <phoneticPr fontId="1"/>
  </si>
  <si>
    <t>・途中退職のため</t>
    <phoneticPr fontId="1"/>
  </si>
  <si>
    <t>Ⅱ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7">
    <numFmt numFmtId="176" formatCode="0.0%"/>
    <numFmt numFmtId="177" formatCode="#,##0_);[Red]\(#,##0\)"/>
    <numFmt numFmtId="178" formatCode="0_);[Red]\(0\)"/>
    <numFmt numFmtId="179" formatCode="#,##0_ "/>
    <numFmt numFmtId="180" formatCode="#,##0.0_ "/>
    <numFmt numFmtId="181" formatCode="0.00_);[Red]\(0.00\)"/>
    <numFmt numFmtId="182" formatCode="#,##0_ ;[Red]\-#,##0\ "/>
  </numFmts>
  <fonts count="1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  <scheme val="minor"/>
    </font>
    <font>
      <b/>
      <sz val="12"/>
      <color theme="1"/>
      <name val="ＭＳ 明朝"/>
      <family val="2"/>
      <charset val="128"/>
    </font>
    <font>
      <sz val="9"/>
      <name val="ＭＳ Ｐゴシック"/>
      <family val="3"/>
      <charset val="128"/>
      <scheme val="minor"/>
    </font>
    <font>
      <b/>
      <sz val="12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theme="1"/>
      <name val="ＭＳ Ｐ明朝"/>
      <family val="1"/>
      <charset val="128"/>
    </font>
    <font>
      <b/>
      <sz val="12"/>
      <color rgb="FFFF0000"/>
      <name val="ＭＳ Ｐ明朝"/>
      <family val="1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sz val="9"/>
      <name val="ＭＳ Ｐ明朝"/>
      <family val="1"/>
      <charset val="128"/>
    </font>
    <font>
      <sz val="8"/>
      <name val="ＭＳ Ｐ明朝"/>
      <family val="1"/>
      <charset val="128"/>
    </font>
    <font>
      <sz val="11"/>
      <name val="ＭＳ Ｐ明朝"/>
      <family val="1"/>
      <charset val="128"/>
    </font>
    <font>
      <sz val="12"/>
      <color rgb="FFFF0000"/>
      <name val="ＭＳ Ｐ明朝"/>
      <family val="1"/>
      <charset val="128"/>
    </font>
    <font>
      <sz val="12"/>
      <color theme="1"/>
      <name val="Meiryo UI"/>
      <family val="3"/>
      <charset val="128"/>
    </font>
    <font>
      <sz val="12"/>
      <color theme="1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59993285927915285"/>
        <bgColor indexed="64"/>
      </patternFill>
    </fill>
    <fill>
      <patternFill patternType="solid">
        <fgColor theme="0"/>
        <bgColor indexed="64"/>
      </patternFill>
    </fill>
  </fills>
  <borders count="139">
    <border>
      <left/>
      <right/>
      <top/>
      <bottom/>
      <diagonal/>
    </border>
    <border>
      <left style="thin">
        <color theme="4"/>
      </left>
      <right style="thin">
        <color theme="4"/>
      </right>
      <top style="thin">
        <color theme="4"/>
      </top>
      <bottom style="double">
        <color theme="4"/>
      </bottom>
      <diagonal/>
    </border>
    <border>
      <left style="thin">
        <color auto="1"/>
      </left>
      <right style="thin">
        <color auto="1"/>
      </right>
      <top style="double">
        <color auto="1"/>
      </top>
      <bottom style="medium">
        <color auto="1"/>
      </bottom>
      <diagonal/>
    </border>
    <border>
      <left style="medium">
        <color auto="1"/>
      </left>
      <right/>
      <top style="double">
        <color auto="1"/>
      </top>
      <bottom style="medium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double">
        <color auto="1"/>
      </top>
      <bottom style="medium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double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double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double">
        <color auto="1"/>
      </bottom>
      <diagonal/>
    </border>
    <border>
      <left style="medium">
        <color auto="1"/>
      </left>
      <right style="thin">
        <color auto="1"/>
      </right>
      <top style="double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uble">
        <color auto="1"/>
      </bottom>
      <diagonal/>
    </border>
    <border>
      <left style="double">
        <color auto="1"/>
      </left>
      <right style="medium">
        <color auto="1"/>
      </right>
      <top style="thin">
        <color auto="1"/>
      </top>
      <bottom style="double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/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double">
        <color auto="1"/>
      </left>
      <right style="medium">
        <color auto="1"/>
      </right>
      <top/>
      <bottom style="thin">
        <color auto="1"/>
      </bottom>
      <diagonal/>
    </border>
    <border>
      <left style="double">
        <color auto="1"/>
      </left>
      <right style="medium">
        <color auto="1"/>
      </right>
      <top style="double">
        <color auto="1"/>
      </top>
      <bottom/>
      <diagonal/>
    </border>
    <border>
      <left style="medium">
        <color auto="1"/>
      </left>
      <right style="thin">
        <color auto="1"/>
      </right>
      <top style="double">
        <color auto="1"/>
      </top>
      <bottom style="medium">
        <color auto="1"/>
      </bottom>
      <diagonal/>
    </border>
    <border>
      <left/>
      <right/>
      <top style="double">
        <color auto="1"/>
      </top>
      <bottom style="medium">
        <color auto="1"/>
      </bottom>
      <diagonal/>
    </border>
    <border>
      <left style="double">
        <color auto="1"/>
      </left>
      <right style="medium">
        <color auto="1"/>
      </right>
      <top style="double">
        <color auto="1"/>
      </top>
      <bottom style="medium">
        <color auto="1"/>
      </bottom>
      <diagonal/>
    </border>
    <border>
      <left style="double">
        <color auto="1"/>
      </left>
      <right style="medium">
        <color auto="1"/>
      </right>
      <top style="double">
        <color auto="1"/>
      </top>
      <bottom style="double">
        <color auto="1"/>
      </bottom>
      <diagonal/>
    </border>
    <border>
      <left style="thin">
        <color auto="1"/>
      </left>
      <right/>
      <top style="double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 style="double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uble">
        <color auto="1"/>
      </bottom>
      <diagonal/>
    </border>
    <border>
      <left style="thin">
        <color auto="1"/>
      </left>
      <right/>
      <top style="thin">
        <color auto="1"/>
      </top>
      <bottom style="double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double">
        <color auto="1"/>
      </bottom>
      <diagonal/>
    </border>
    <border>
      <left style="thin">
        <color auto="1"/>
      </left>
      <right style="medium">
        <color auto="1"/>
      </right>
      <top style="double">
        <color auto="1"/>
      </top>
      <bottom/>
      <diagonal/>
    </border>
    <border>
      <left/>
      <right style="thin">
        <color auto="1"/>
      </right>
      <top style="double">
        <color auto="1"/>
      </top>
      <bottom/>
      <diagonal/>
    </border>
    <border>
      <left/>
      <right/>
      <top style="double">
        <color auto="1"/>
      </top>
      <bottom/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double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double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double">
        <color auto="1"/>
      </top>
      <bottom style="thin">
        <color auto="1"/>
      </bottom>
      <diagonal/>
    </border>
    <border>
      <left/>
      <right style="thin">
        <color auto="1"/>
      </right>
      <top style="double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double">
        <color auto="1"/>
      </bottom>
      <diagonal/>
    </border>
    <border>
      <left style="thin">
        <color auto="1"/>
      </left>
      <right style="double">
        <color auto="1"/>
      </right>
      <top style="double">
        <color auto="1"/>
      </top>
      <bottom style="medium">
        <color auto="1"/>
      </bottom>
      <diagonal/>
    </border>
    <border>
      <left style="double">
        <color auto="1"/>
      </left>
      <right style="medium">
        <color auto="1"/>
      </right>
      <top style="double">
        <color auto="1"/>
      </top>
      <bottom style="thin">
        <color auto="1"/>
      </bottom>
      <diagonal/>
    </border>
    <border>
      <left style="double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double">
        <color auto="1"/>
      </right>
      <top style="double">
        <color auto="1"/>
      </top>
      <bottom style="thin">
        <color auto="1"/>
      </bottom>
      <diagonal/>
    </border>
    <border>
      <left style="thin">
        <color auto="1"/>
      </left>
      <right style="double">
        <color auto="1"/>
      </right>
      <top/>
      <bottom style="thin">
        <color auto="1"/>
      </bottom>
      <diagonal/>
    </border>
    <border>
      <left style="thin">
        <color auto="1"/>
      </left>
      <right style="double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uble">
        <color auto="1"/>
      </right>
      <top style="thin">
        <color auto="1"/>
      </top>
      <bottom style="double">
        <color auto="1"/>
      </bottom>
      <diagonal/>
    </border>
    <border>
      <left/>
      <right style="medium">
        <color auto="1"/>
      </right>
      <top style="thin">
        <color auto="1"/>
      </top>
      <bottom style="double">
        <color auto="1"/>
      </bottom>
      <diagonal/>
    </border>
    <border>
      <left style="thin">
        <color auto="1"/>
      </left>
      <right style="double">
        <color auto="1"/>
      </right>
      <top/>
      <bottom style="medium">
        <color auto="1"/>
      </bottom>
      <diagonal/>
    </border>
    <border>
      <left/>
      <right style="thin">
        <color auto="1"/>
      </right>
      <top style="double">
        <color auto="1"/>
      </top>
      <bottom style="medium">
        <color auto="1"/>
      </bottom>
      <diagonal/>
    </border>
    <border>
      <left/>
      <right style="medium">
        <color auto="1"/>
      </right>
      <top style="double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uble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/>
      <bottom style="double">
        <color auto="1"/>
      </bottom>
      <diagonal/>
    </border>
    <border>
      <left style="medium">
        <color auto="1"/>
      </left>
      <right/>
      <top/>
      <bottom style="double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 style="double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double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double">
        <color auto="1"/>
      </left>
      <right/>
      <top style="medium">
        <color auto="1"/>
      </top>
      <bottom/>
      <diagonal/>
    </border>
    <border>
      <left style="double">
        <color auto="1"/>
      </left>
      <right/>
      <top/>
      <bottom style="double">
        <color auto="1"/>
      </bottom>
      <diagonal/>
    </border>
    <border>
      <left style="medium">
        <color auto="1"/>
      </left>
      <right/>
      <top style="double">
        <color auto="1"/>
      </top>
      <bottom style="thin">
        <color auto="1"/>
      </bottom>
      <diagonal/>
    </border>
    <border>
      <left style="double">
        <color auto="1"/>
      </left>
      <right/>
      <top/>
      <bottom style="thin">
        <color auto="1"/>
      </bottom>
      <diagonal/>
    </border>
    <border>
      <left style="double">
        <color auto="1"/>
      </left>
      <right/>
      <top style="thin">
        <color auto="1"/>
      </top>
      <bottom style="double">
        <color auto="1"/>
      </bottom>
      <diagonal/>
    </border>
    <border>
      <left style="medium">
        <color auto="1"/>
      </left>
      <right/>
      <top style="thin">
        <color auto="1"/>
      </top>
      <bottom style="double">
        <color auto="1"/>
      </bottom>
      <diagonal/>
    </border>
    <border>
      <left style="double">
        <color auto="1"/>
      </left>
      <right/>
      <top style="double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double">
        <color auto="1"/>
      </bottom>
      <diagonal/>
    </border>
    <border>
      <left/>
      <right style="medium">
        <color auto="1"/>
      </right>
      <top/>
      <bottom style="double">
        <color auto="1"/>
      </bottom>
      <diagonal/>
    </border>
    <border>
      <left style="thin">
        <color auto="1"/>
      </left>
      <right style="double">
        <color auto="1"/>
      </right>
      <top/>
      <bottom style="double">
        <color auto="1"/>
      </bottom>
      <diagonal/>
    </border>
    <border>
      <left style="thin">
        <color auto="1"/>
      </left>
      <right/>
      <top/>
      <bottom style="double">
        <color auto="1"/>
      </bottom>
      <diagonal/>
    </border>
    <border>
      <left style="double">
        <color auto="1"/>
      </left>
      <right style="medium">
        <color auto="1"/>
      </right>
      <top/>
      <bottom style="double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 style="thin">
        <color auto="1"/>
      </left>
      <right style="double">
        <color auto="1"/>
      </right>
      <top style="medium">
        <color auto="1"/>
      </top>
      <bottom style="double">
        <color auto="1"/>
      </bottom>
      <diagonal/>
    </border>
    <border>
      <left/>
      <right style="medium">
        <color auto="1"/>
      </right>
      <top style="medium">
        <color auto="1"/>
      </top>
      <bottom style="double">
        <color auto="1"/>
      </bottom>
      <diagonal/>
    </border>
    <border>
      <left style="medium">
        <color auto="1"/>
      </left>
      <right/>
      <top style="double">
        <color auto="1"/>
      </top>
      <bottom/>
      <diagonal/>
    </border>
    <border>
      <left/>
      <right style="medium">
        <color auto="1"/>
      </right>
      <top style="double">
        <color auto="1"/>
      </top>
      <bottom/>
      <diagonal/>
    </border>
    <border>
      <left/>
      <right/>
      <top/>
      <bottom style="double">
        <color auto="1"/>
      </bottom>
      <diagonal/>
    </border>
    <border>
      <left/>
      <right style="thin">
        <color auto="1"/>
      </right>
      <top/>
      <bottom style="double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/>
      <top style="medium">
        <color auto="1"/>
      </top>
      <bottom style="double">
        <color auto="1"/>
      </bottom>
      <diagonal/>
    </border>
    <border>
      <left/>
      <right style="thin">
        <color auto="1"/>
      </right>
      <top style="medium">
        <color auto="1"/>
      </top>
      <bottom style="double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uble">
        <color auto="1"/>
      </bottom>
      <diagonal/>
    </border>
    <border>
      <left style="thin">
        <color auto="1"/>
      </left>
      <right/>
      <top style="medium">
        <color auto="1"/>
      </top>
      <bottom style="double">
        <color auto="1"/>
      </bottom>
      <diagonal/>
    </border>
    <border>
      <left style="double">
        <color auto="1"/>
      </left>
      <right style="medium">
        <color auto="1"/>
      </right>
      <top style="medium">
        <color auto="1"/>
      </top>
      <bottom style="double">
        <color auto="1"/>
      </bottom>
      <diagonal/>
    </border>
    <border>
      <left/>
      <right/>
      <top style="thin">
        <color auto="1"/>
      </top>
      <bottom/>
      <diagonal/>
    </border>
    <border diagonalUp="1">
      <left style="thin">
        <color auto="1"/>
      </left>
      <right style="medium">
        <color auto="1"/>
      </right>
      <top style="double">
        <color auto="1"/>
      </top>
      <bottom style="medium">
        <color auto="1"/>
      </bottom>
      <diagonal style="thin">
        <color auto="1"/>
      </diagonal>
    </border>
    <border>
      <left/>
      <right/>
      <top style="medium">
        <color auto="1"/>
      </top>
      <bottom style="double">
        <color auto="1"/>
      </bottom>
      <diagonal/>
    </border>
    <border>
      <left/>
      <right style="medium">
        <color auto="1"/>
      </right>
      <top style="double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double">
        <color auto="1"/>
      </top>
      <bottom/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double">
        <color auto="1"/>
      </top>
      <bottom style="thin">
        <color auto="1"/>
      </bottom>
      <diagonal/>
    </border>
    <border>
      <left/>
      <right/>
      <top style="double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 style="thin">
        <color auto="1"/>
      </left>
      <right style="double">
        <color auto="1"/>
      </right>
      <top style="double">
        <color auto="1"/>
      </top>
      <bottom style="double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</borders>
  <cellStyleXfs count="10">
    <xf numFmtId="0" fontId="0" fillId="0" borderId="0">
      <alignment vertical="center"/>
    </xf>
    <xf numFmtId="0" fontId="3" fillId="0" borderId="0">
      <alignment vertical="center"/>
    </xf>
    <xf numFmtId="38" fontId="18" fillId="0" borderId="0" applyFont="0" applyFill="0" applyBorder="0" applyProtection="0"/>
    <xf numFmtId="9" fontId="18" fillId="0" borderId="0" applyFont="0" applyFill="0" applyBorder="0" applyProtection="0"/>
    <xf numFmtId="0" fontId="5" fillId="2" borderId="1"/>
    <xf numFmtId="0" fontId="5" fillId="0" borderId="1"/>
    <xf numFmtId="0" fontId="18" fillId="0" borderId="0">
      <alignment vertical="center"/>
    </xf>
    <xf numFmtId="9" fontId="3" fillId="0" borderId="0" applyFont="0" applyFill="0" applyBorder="0" applyProtection="0"/>
    <xf numFmtId="0" fontId="3" fillId="0" borderId="0">
      <alignment vertical="center"/>
    </xf>
    <xf numFmtId="0" fontId="3" fillId="0" borderId="0"/>
  </cellStyleXfs>
  <cellXfs count="781">
    <xf numFmtId="0" fontId="0" fillId="0" borderId="0" xfId="0" applyAlignment="1">
      <alignment vertical="center"/>
    </xf>
    <xf numFmtId="0" fontId="8" fillId="0" borderId="0" xfId="0" applyFont="1" applyAlignment="1">
      <alignment vertical="center"/>
    </xf>
    <xf numFmtId="177" fontId="8" fillId="0" borderId="0" xfId="2" applyNumberFormat="1" applyFont="1" applyAlignment="1">
      <alignment vertical="center"/>
    </xf>
    <xf numFmtId="177" fontId="8" fillId="0" borderId="0" xfId="2" applyNumberFormat="1" applyFont="1" applyAlignment="1">
      <alignment horizontal="center" vertical="center"/>
    </xf>
    <xf numFmtId="177" fontId="8" fillId="3" borderId="0" xfId="2" applyNumberFormat="1" applyFont="1" applyFill="1" applyAlignment="1">
      <alignment vertical="center"/>
    </xf>
    <xf numFmtId="0" fontId="12" fillId="0" borderId="0" xfId="0" applyFont="1" applyAlignment="1">
      <alignment horizontal="left" vertical="center"/>
    </xf>
    <xf numFmtId="38" fontId="8" fillId="0" borderId="2" xfId="2" applyFont="1" applyFill="1" applyBorder="1" applyAlignment="1">
      <alignment vertical="center"/>
    </xf>
    <xf numFmtId="176" fontId="8" fillId="0" borderId="3" xfId="3" applyNumberFormat="1" applyFont="1" applyFill="1" applyBorder="1" applyAlignment="1">
      <alignment vertical="center"/>
    </xf>
    <xf numFmtId="176" fontId="8" fillId="0" borderId="4" xfId="3" applyNumberFormat="1" applyFont="1" applyFill="1" applyBorder="1" applyAlignment="1">
      <alignment horizontal="right" vertical="center"/>
    </xf>
    <xf numFmtId="0" fontId="16" fillId="0" borderId="0" xfId="0" applyFont="1" applyAlignment="1">
      <alignment vertical="center"/>
    </xf>
    <xf numFmtId="0" fontId="8" fillId="0" borderId="0" xfId="3" applyNumberFormat="1" applyFont="1" applyFill="1" applyBorder="1" applyAlignment="1">
      <alignment horizontal="right" vertical="center"/>
    </xf>
    <xf numFmtId="0" fontId="8" fillId="0" borderId="0" xfId="3" applyNumberFormat="1" applyFont="1" applyFill="1" applyBorder="1" applyAlignment="1">
      <alignment horizontal="left" vertical="center"/>
    </xf>
    <xf numFmtId="0" fontId="8" fillId="0" borderId="10" xfId="3" applyNumberFormat="1" applyFont="1" applyFill="1" applyBorder="1" applyAlignment="1">
      <alignment horizontal="left" vertical="center"/>
    </xf>
    <xf numFmtId="0" fontId="8" fillId="0" borderId="11" xfId="3" applyNumberFormat="1" applyFont="1" applyFill="1" applyBorder="1" applyAlignment="1">
      <alignment horizontal="left" vertical="center"/>
    </xf>
    <xf numFmtId="0" fontId="8" fillId="0" borderId="13" xfId="3" applyNumberFormat="1" applyFont="1" applyFill="1" applyBorder="1" applyAlignment="1">
      <alignment horizontal="left" vertical="center"/>
    </xf>
    <xf numFmtId="0" fontId="8" fillId="0" borderId="14" xfId="3" applyNumberFormat="1" applyFont="1" applyFill="1" applyBorder="1" applyAlignment="1">
      <alignment horizontal="left" vertical="center"/>
    </xf>
    <xf numFmtId="38" fontId="8" fillId="0" borderId="19" xfId="2" applyFont="1" applyFill="1" applyBorder="1" applyAlignment="1">
      <alignment vertical="center"/>
    </xf>
    <xf numFmtId="38" fontId="8" fillId="0" borderId="20" xfId="2" applyFont="1" applyFill="1" applyBorder="1" applyAlignment="1">
      <alignment vertical="center"/>
    </xf>
    <xf numFmtId="38" fontId="8" fillId="0" borderId="21" xfId="2" applyFont="1" applyFill="1" applyBorder="1" applyAlignment="1">
      <alignment vertical="center"/>
    </xf>
    <xf numFmtId="38" fontId="8" fillId="0" borderId="22" xfId="2" applyFont="1" applyFill="1" applyBorder="1" applyAlignment="1">
      <alignment vertical="center"/>
    </xf>
    <xf numFmtId="38" fontId="8" fillId="0" borderId="23" xfId="2" applyFont="1" applyFill="1" applyBorder="1" applyAlignment="1">
      <alignment vertical="center"/>
    </xf>
    <xf numFmtId="38" fontId="8" fillId="0" borderId="24" xfId="2" applyFont="1" applyFill="1" applyBorder="1" applyAlignment="1">
      <alignment vertical="center"/>
    </xf>
    <xf numFmtId="38" fontId="8" fillId="0" borderId="0" xfId="2" applyFont="1" applyFill="1" applyBorder="1" applyAlignment="1">
      <alignment vertical="center"/>
    </xf>
    <xf numFmtId="38" fontId="8" fillId="0" borderId="0" xfId="2" applyFont="1" applyFill="1" applyBorder="1" applyAlignment="1">
      <alignment horizontal="right" vertical="center"/>
    </xf>
    <xf numFmtId="0" fontId="8" fillId="0" borderId="0" xfId="0" applyFont="1" applyAlignment="1">
      <alignment horizontal="center" vertical="center"/>
    </xf>
    <xf numFmtId="176" fontId="8" fillId="0" borderId="25" xfId="3" applyNumberFormat="1" applyFont="1" applyFill="1" applyBorder="1" applyAlignment="1">
      <alignment horizontal="right" vertical="center"/>
    </xf>
    <xf numFmtId="176" fontId="8" fillId="0" borderId="26" xfId="3" applyNumberFormat="1" applyFont="1" applyFill="1" applyBorder="1" applyAlignment="1">
      <alignment horizontal="right" vertical="center"/>
    </xf>
    <xf numFmtId="176" fontId="8" fillId="0" borderId="0" xfId="3" applyNumberFormat="1" applyFont="1" applyFill="1" applyBorder="1" applyAlignment="1">
      <alignment horizontal="right" vertical="center"/>
    </xf>
    <xf numFmtId="176" fontId="8" fillId="0" borderId="0" xfId="3" applyNumberFormat="1" applyFont="1" applyFill="1" applyBorder="1" applyAlignment="1">
      <alignment horizontal="left" vertical="center"/>
    </xf>
    <xf numFmtId="176" fontId="8" fillId="0" borderId="10" xfId="3" applyNumberFormat="1" applyFont="1" applyFill="1" applyBorder="1" applyAlignment="1">
      <alignment horizontal="right" vertical="center"/>
    </xf>
    <xf numFmtId="176" fontId="8" fillId="0" borderId="11" xfId="3" applyNumberFormat="1" applyFont="1" applyFill="1" applyBorder="1" applyAlignment="1">
      <alignment horizontal="right" vertical="center"/>
    </xf>
    <xf numFmtId="176" fontId="8" fillId="0" borderId="27" xfId="3" applyNumberFormat="1" applyFont="1" applyFill="1" applyBorder="1" applyAlignment="1">
      <alignment horizontal="right" vertical="center"/>
    </xf>
    <xf numFmtId="0" fontId="8" fillId="0" borderId="27" xfId="3" applyNumberFormat="1" applyFont="1" applyFill="1" applyBorder="1" applyAlignment="1">
      <alignment horizontal="left" vertical="center"/>
    </xf>
    <xf numFmtId="177" fontId="8" fillId="0" borderId="0" xfId="2" applyNumberFormat="1" applyFont="1" applyFill="1" applyAlignment="1">
      <alignment vertical="center"/>
    </xf>
    <xf numFmtId="177" fontId="8" fillId="0" borderId="0" xfId="2" applyNumberFormat="1" applyFont="1" applyFill="1" applyAlignment="1">
      <alignment horizontal="center" vertical="center"/>
    </xf>
    <xf numFmtId="177" fontId="8" fillId="0" borderId="20" xfId="2" applyNumberFormat="1" applyFont="1" applyFill="1" applyBorder="1" applyAlignment="1">
      <alignment horizontal="center" vertical="center"/>
    </xf>
    <xf numFmtId="177" fontId="8" fillId="0" borderId="21" xfId="2" applyNumberFormat="1" applyFont="1" applyFill="1" applyBorder="1" applyAlignment="1">
      <alignment horizontal="center" vertical="center"/>
    </xf>
    <xf numFmtId="177" fontId="8" fillId="0" borderId="22" xfId="2" applyNumberFormat="1" applyFont="1" applyFill="1" applyBorder="1" applyAlignment="1">
      <alignment horizontal="center" vertical="center"/>
    </xf>
    <xf numFmtId="177" fontId="8" fillId="0" borderId="24" xfId="2" applyNumberFormat="1" applyFont="1" applyFill="1" applyBorder="1" applyAlignment="1">
      <alignment horizontal="center" vertical="center" wrapText="1"/>
    </xf>
    <xf numFmtId="38" fontId="8" fillId="0" borderId="29" xfId="2" applyFont="1" applyFill="1" applyBorder="1" applyAlignment="1">
      <alignment vertical="center"/>
    </xf>
    <xf numFmtId="38" fontId="8" fillId="0" borderId="30" xfId="2" applyFont="1" applyFill="1" applyBorder="1" applyAlignment="1">
      <alignment vertical="center"/>
    </xf>
    <xf numFmtId="176" fontId="8" fillId="0" borderId="31" xfId="3" applyNumberFormat="1" applyFont="1" applyFill="1" applyBorder="1" applyAlignment="1">
      <alignment vertical="center"/>
    </xf>
    <xf numFmtId="176" fontId="8" fillId="0" borderId="32" xfId="3" applyNumberFormat="1" applyFont="1" applyFill="1" applyBorder="1" applyAlignment="1">
      <alignment vertical="center"/>
    </xf>
    <xf numFmtId="176" fontId="8" fillId="0" borderId="2" xfId="3" applyNumberFormat="1" applyFont="1" applyFill="1" applyBorder="1" applyAlignment="1">
      <alignment vertical="center"/>
    </xf>
    <xf numFmtId="9" fontId="8" fillId="0" borderId="33" xfId="3" applyFont="1" applyFill="1" applyBorder="1" applyAlignment="1">
      <alignment vertical="center"/>
    </xf>
    <xf numFmtId="176" fontId="8" fillId="0" borderId="0" xfId="3" applyNumberFormat="1" applyFont="1" applyFill="1" applyBorder="1" applyAlignment="1">
      <alignment vertical="center"/>
    </xf>
    <xf numFmtId="9" fontId="8" fillId="0" borderId="0" xfId="3" applyFont="1" applyFill="1" applyBorder="1" applyAlignment="1">
      <alignment vertical="center"/>
    </xf>
    <xf numFmtId="176" fontId="8" fillId="0" borderId="7" xfId="3" applyNumberFormat="1" applyFont="1" applyFill="1" applyBorder="1" applyAlignment="1">
      <alignment vertical="center"/>
    </xf>
    <xf numFmtId="38" fontId="8" fillId="0" borderId="0" xfId="2" applyFont="1" applyFill="1" applyBorder="1" applyAlignment="1">
      <alignment vertical="center"/>
    </xf>
    <xf numFmtId="176" fontId="8" fillId="0" borderId="35" xfId="3" applyNumberFormat="1" applyFont="1" applyFill="1" applyBorder="1" applyAlignment="1">
      <alignment vertical="center"/>
    </xf>
    <xf numFmtId="176" fontId="8" fillId="0" borderId="33" xfId="3" applyNumberFormat="1" applyFont="1" applyFill="1" applyBorder="1" applyAlignment="1">
      <alignment vertical="center"/>
    </xf>
    <xf numFmtId="176" fontId="8" fillId="0" borderId="36" xfId="3" applyNumberFormat="1" applyFont="1" applyFill="1" applyBorder="1" applyAlignment="1">
      <alignment horizontal="right" vertical="center"/>
    </xf>
    <xf numFmtId="176" fontId="8" fillId="0" borderId="37" xfId="3" applyNumberFormat="1" applyFont="1" applyFill="1" applyBorder="1" applyAlignment="1">
      <alignment horizontal="right" vertical="center"/>
    </xf>
    <xf numFmtId="176" fontId="8" fillId="0" borderId="38" xfId="3" applyNumberFormat="1" applyFont="1" applyFill="1" applyBorder="1" applyAlignment="1">
      <alignment horizontal="right" vertical="center"/>
    </xf>
    <xf numFmtId="176" fontId="8" fillId="0" borderId="39" xfId="3" applyNumberFormat="1" applyFont="1" applyFill="1" applyBorder="1" applyAlignment="1">
      <alignment horizontal="right" vertical="center"/>
    </xf>
    <xf numFmtId="176" fontId="8" fillId="0" borderId="40" xfId="3" applyNumberFormat="1" applyFont="1" applyFill="1" applyBorder="1" applyAlignment="1">
      <alignment horizontal="right" vertical="center"/>
    </xf>
    <xf numFmtId="176" fontId="8" fillId="0" borderId="41" xfId="3" applyNumberFormat="1" applyFont="1" applyFill="1" applyBorder="1" applyAlignment="1">
      <alignment horizontal="right" vertical="center"/>
    </xf>
    <xf numFmtId="176" fontId="8" fillId="0" borderId="42" xfId="3" applyNumberFormat="1" applyFont="1" applyFill="1" applyBorder="1" applyAlignment="1">
      <alignment horizontal="right" vertical="center"/>
    </xf>
    <xf numFmtId="176" fontId="8" fillId="0" borderId="43" xfId="3" applyNumberFormat="1" applyFont="1" applyFill="1" applyBorder="1" applyAlignment="1">
      <alignment horizontal="right" vertical="center"/>
    </xf>
    <xf numFmtId="176" fontId="8" fillId="0" borderId="44" xfId="3" applyNumberFormat="1" applyFont="1" applyFill="1" applyBorder="1" applyAlignment="1">
      <alignment horizontal="right" vertical="center"/>
    </xf>
    <xf numFmtId="176" fontId="8" fillId="0" borderId="45" xfId="3" applyNumberFormat="1" applyFont="1" applyFill="1" applyBorder="1" applyAlignment="1">
      <alignment horizontal="right" vertical="center"/>
    </xf>
    <xf numFmtId="176" fontId="8" fillId="0" borderId="46" xfId="3" applyNumberFormat="1" applyFont="1" applyFill="1" applyBorder="1" applyAlignment="1">
      <alignment horizontal="right" vertical="center"/>
    </xf>
    <xf numFmtId="176" fontId="8" fillId="0" borderId="47" xfId="3" applyNumberFormat="1" applyFont="1" applyFill="1" applyBorder="1" applyAlignment="1">
      <alignment horizontal="right" vertical="center"/>
    </xf>
    <xf numFmtId="38" fontId="8" fillId="0" borderId="48" xfId="2" applyFont="1" applyFill="1" applyBorder="1" applyAlignment="1">
      <alignment horizontal="right" vertical="center"/>
    </xf>
    <xf numFmtId="38" fontId="8" fillId="0" borderId="49" xfId="2" applyFont="1" applyFill="1" applyBorder="1" applyAlignment="1">
      <alignment vertical="center"/>
    </xf>
    <xf numFmtId="38" fontId="8" fillId="0" borderId="50" xfId="2" applyFont="1" applyFill="1" applyBorder="1" applyAlignment="1">
      <alignment vertical="center"/>
    </xf>
    <xf numFmtId="176" fontId="8" fillId="0" borderId="51" xfId="3" applyNumberFormat="1" applyFont="1" applyFill="1" applyBorder="1" applyAlignment="1">
      <alignment horizontal="right" vertical="center"/>
    </xf>
    <xf numFmtId="176" fontId="8" fillId="0" borderId="52" xfId="3" applyNumberFormat="1" applyFont="1" applyFill="1" applyBorder="1" applyAlignment="1">
      <alignment horizontal="right" vertical="center"/>
    </xf>
    <xf numFmtId="176" fontId="8" fillId="0" borderId="53" xfId="3" applyNumberFormat="1" applyFont="1" applyFill="1" applyBorder="1" applyAlignment="1">
      <alignment horizontal="right" vertical="center"/>
    </xf>
    <xf numFmtId="176" fontId="8" fillId="0" borderId="54" xfId="3" applyNumberFormat="1" applyFont="1" applyFill="1" applyBorder="1" applyAlignment="1">
      <alignment horizontal="right" vertical="center"/>
    </xf>
    <xf numFmtId="176" fontId="8" fillId="0" borderId="55" xfId="3" applyNumberFormat="1" applyFont="1" applyFill="1" applyBorder="1" applyAlignment="1">
      <alignment horizontal="right" vertical="center"/>
    </xf>
    <xf numFmtId="176" fontId="8" fillId="0" borderId="56" xfId="3" applyNumberFormat="1" applyFont="1" applyFill="1" applyBorder="1" applyAlignment="1">
      <alignment horizontal="right" vertical="center"/>
    </xf>
    <xf numFmtId="176" fontId="8" fillId="0" borderId="7" xfId="3" applyNumberFormat="1" applyFont="1" applyFill="1" applyBorder="1" applyAlignment="1">
      <alignment horizontal="right" vertical="center"/>
    </xf>
    <xf numFmtId="38" fontId="8" fillId="0" borderId="2" xfId="2" applyFont="1" applyFill="1" applyBorder="1" applyAlignment="1">
      <alignment horizontal="right" vertical="center"/>
    </xf>
    <xf numFmtId="176" fontId="8" fillId="0" borderId="13" xfId="3" applyNumberFormat="1" applyFont="1" applyFill="1" applyBorder="1" applyAlignment="1">
      <alignment horizontal="left" vertical="center"/>
    </xf>
    <xf numFmtId="176" fontId="8" fillId="0" borderId="14" xfId="3" applyNumberFormat="1" applyFont="1" applyFill="1" applyBorder="1" applyAlignment="1">
      <alignment horizontal="left" vertical="center"/>
    </xf>
    <xf numFmtId="177" fontId="8" fillId="0" borderId="25" xfId="2" applyNumberFormat="1" applyFont="1" applyFill="1" applyBorder="1" applyAlignment="1">
      <alignment vertical="center"/>
    </xf>
    <xf numFmtId="177" fontId="8" fillId="0" borderId="55" xfId="2" applyNumberFormat="1" applyFont="1" applyFill="1" applyBorder="1" applyAlignment="1">
      <alignment vertical="center"/>
    </xf>
    <xf numFmtId="178" fontId="8" fillId="0" borderId="2" xfId="2" applyNumberFormat="1" applyFont="1" applyFill="1" applyBorder="1" applyAlignment="1">
      <alignment horizontal="right" vertical="center"/>
    </xf>
    <xf numFmtId="38" fontId="8" fillId="0" borderId="12" xfId="2" applyFont="1" applyFill="1" applyBorder="1" applyAlignment="1">
      <alignment vertical="center"/>
    </xf>
    <xf numFmtId="38" fontId="8" fillId="0" borderId="12" xfId="2" applyFont="1" applyFill="1" applyBorder="1" applyAlignment="1">
      <alignment horizontal="right" vertical="center"/>
    </xf>
    <xf numFmtId="38" fontId="8" fillId="0" borderId="54" xfId="2" applyFont="1" applyFill="1" applyBorder="1" applyAlignment="1">
      <alignment vertical="center"/>
    </xf>
    <xf numFmtId="176" fontId="8" fillId="0" borderId="57" xfId="3" applyNumberFormat="1" applyFont="1" applyFill="1" applyBorder="1" applyAlignment="1">
      <alignment vertical="center"/>
    </xf>
    <xf numFmtId="38" fontId="8" fillId="0" borderId="58" xfId="2" applyFont="1" applyFill="1" applyBorder="1" applyAlignment="1">
      <alignment vertical="center"/>
    </xf>
    <xf numFmtId="38" fontId="8" fillId="0" borderId="36" xfId="2" applyFont="1" applyFill="1" applyBorder="1" applyAlignment="1">
      <alignment vertical="center"/>
    </xf>
    <xf numFmtId="38" fontId="8" fillId="0" borderId="44" xfId="2" applyFont="1" applyFill="1" applyBorder="1" applyAlignment="1">
      <alignment vertical="center"/>
    </xf>
    <xf numFmtId="38" fontId="8" fillId="0" borderId="59" xfId="2" applyFont="1" applyFill="1" applyBorder="1" applyAlignment="1">
      <alignment horizontal="right" vertical="center"/>
    </xf>
    <xf numFmtId="38" fontId="8" fillId="0" borderId="60" xfId="2" applyFont="1" applyFill="1" applyBorder="1" applyAlignment="1">
      <alignment horizontal="right" vertical="center"/>
    </xf>
    <xf numFmtId="38" fontId="8" fillId="0" borderId="61" xfId="2" applyFont="1" applyFill="1" applyBorder="1" applyAlignment="1">
      <alignment horizontal="right" vertical="center"/>
    </xf>
    <xf numFmtId="38" fontId="8" fillId="0" borderId="37" xfId="2" applyFont="1" applyFill="1" applyBorder="1" applyAlignment="1">
      <alignment horizontal="right" vertical="center"/>
    </xf>
    <xf numFmtId="38" fontId="8" fillId="0" borderId="45" xfId="2" applyFont="1" applyFill="1" applyBorder="1" applyAlignment="1">
      <alignment horizontal="right" vertical="center"/>
    </xf>
    <xf numFmtId="179" fontId="12" fillId="0" borderId="0" xfId="2" applyNumberFormat="1" applyFont="1" applyAlignment="1">
      <alignment horizontal="left" vertical="center"/>
    </xf>
    <xf numFmtId="179" fontId="8" fillId="0" borderId="0" xfId="2" applyNumberFormat="1" applyFont="1" applyAlignment="1">
      <alignment vertical="center"/>
    </xf>
    <xf numFmtId="179" fontId="7" fillId="0" borderId="0" xfId="2" applyNumberFormat="1" applyFont="1" applyAlignment="1">
      <alignment horizontal="center" vertical="center"/>
    </xf>
    <xf numFmtId="179" fontId="8" fillId="0" borderId="0" xfId="2" applyNumberFormat="1" applyFont="1" applyAlignment="1">
      <alignment horizontal="center" vertical="center"/>
    </xf>
    <xf numFmtId="179" fontId="8" fillId="3" borderId="0" xfId="2" applyNumberFormat="1" applyFont="1" applyFill="1" applyAlignment="1">
      <alignment horizontal="left" vertical="center"/>
    </xf>
    <xf numFmtId="179" fontId="8" fillId="3" borderId="0" xfId="2" applyNumberFormat="1" applyFont="1" applyFill="1" applyAlignment="1">
      <alignment vertical="center"/>
    </xf>
    <xf numFmtId="179" fontId="8" fillId="3" borderId="51" xfId="2" applyNumberFormat="1" applyFont="1" applyFill="1" applyBorder="1" applyAlignment="1">
      <alignment horizontal="center" vertical="center"/>
    </xf>
    <xf numFmtId="179" fontId="8" fillId="3" borderId="52" xfId="2" applyNumberFormat="1" applyFont="1" applyFill="1" applyBorder="1" applyAlignment="1">
      <alignment horizontal="center" vertical="center"/>
    </xf>
    <xf numFmtId="179" fontId="9" fillId="3" borderId="0" xfId="2" applyNumberFormat="1" applyFont="1" applyFill="1" applyAlignment="1">
      <alignment vertical="center"/>
    </xf>
    <xf numFmtId="179" fontId="9" fillId="3" borderId="53" xfId="2" applyNumberFormat="1" applyFont="1" applyFill="1" applyBorder="1" applyAlignment="1">
      <alignment horizontal="center" vertical="center"/>
    </xf>
    <xf numFmtId="179" fontId="8" fillId="3" borderId="65" xfId="2" applyNumberFormat="1" applyFont="1" applyFill="1" applyBorder="1" applyAlignment="1">
      <alignment horizontal="center" vertical="center"/>
    </xf>
    <xf numFmtId="179" fontId="8" fillId="0" borderId="51" xfId="2" applyNumberFormat="1" applyFont="1" applyBorder="1" applyAlignment="1">
      <alignment horizontal="center" vertical="center"/>
    </xf>
    <xf numFmtId="179" fontId="8" fillId="0" borderId="52" xfId="2" applyNumberFormat="1" applyFont="1" applyBorder="1" applyAlignment="1">
      <alignment horizontal="center" vertical="center"/>
    </xf>
    <xf numFmtId="179" fontId="8" fillId="0" borderId="53" xfId="2" applyNumberFormat="1" applyFont="1" applyBorder="1" applyAlignment="1">
      <alignment horizontal="center" vertical="center"/>
    </xf>
    <xf numFmtId="179" fontId="10" fillId="0" borderId="0" xfId="2" applyNumberFormat="1" applyFont="1" applyAlignment="1">
      <alignment horizontal="center" vertical="center"/>
    </xf>
    <xf numFmtId="179" fontId="8" fillId="3" borderId="53" xfId="2" applyNumberFormat="1" applyFont="1" applyFill="1" applyBorder="1" applyAlignment="1">
      <alignment horizontal="center" vertical="center"/>
    </xf>
    <xf numFmtId="180" fontId="8" fillId="0" borderId="0" xfId="2" applyNumberFormat="1" applyFont="1" applyAlignment="1">
      <alignment vertical="center"/>
    </xf>
    <xf numFmtId="180" fontId="8" fillId="0" borderId="0" xfId="2" applyNumberFormat="1" applyFont="1" applyAlignment="1">
      <alignment horizontal="center" vertical="center"/>
    </xf>
    <xf numFmtId="180" fontId="10" fillId="0" borderId="0" xfId="2" applyNumberFormat="1" applyFont="1" applyAlignment="1">
      <alignment horizontal="center" vertical="center"/>
    </xf>
    <xf numFmtId="176" fontId="8" fillId="0" borderId="0" xfId="3" applyNumberFormat="1" applyFont="1" applyAlignment="1">
      <alignment vertical="center"/>
    </xf>
    <xf numFmtId="176" fontId="10" fillId="0" borderId="0" xfId="3" applyNumberFormat="1" applyFont="1" applyAlignment="1">
      <alignment horizontal="center" vertical="center"/>
    </xf>
    <xf numFmtId="179" fontId="8" fillId="0" borderId="0" xfId="0" applyNumberFormat="1" applyFont="1" applyAlignment="1">
      <alignment vertical="center"/>
    </xf>
    <xf numFmtId="179" fontId="8" fillId="3" borderId="0" xfId="0" applyNumberFormat="1" applyFont="1" applyFill="1" applyAlignment="1">
      <alignment vertical="center"/>
    </xf>
    <xf numFmtId="179" fontId="8" fillId="0" borderId="0" xfId="0" applyNumberFormat="1" applyFont="1" applyAlignment="1">
      <alignment horizontal="center" vertical="center"/>
    </xf>
    <xf numFmtId="179" fontId="10" fillId="0" borderId="0" xfId="0" applyNumberFormat="1" applyFont="1" applyAlignment="1">
      <alignment vertical="center"/>
    </xf>
    <xf numFmtId="176" fontId="8" fillId="0" borderId="0" xfId="3" applyNumberFormat="1" applyFont="1" applyAlignment="1">
      <alignment horizontal="right" vertical="center"/>
    </xf>
    <xf numFmtId="176" fontId="10" fillId="0" borderId="0" xfId="3" applyNumberFormat="1" applyFont="1" applyAlignment="1">
      <alignment vertical="center"/>
    </xf>
    <xf numFmtId="179" fontId="8" fillId="0" borderId="19" xfId="2" applyNumberFormat="1" applyFont="1" applyFill="1" applyBorder="1" applyAlignment="1">
      <alignment vertical="center"/>
    </xf>
    <xf numFmtId="179" fontId="8" fillId="0" borderId="66" xfId="2" applyNumberFormat="1" applyFont="1" applyFill="1" applyBorder="1" applyAlignment="1">
      <alignment vertical="center"/>
    </xf>
    <xf numFmtId="179" fontId="8" fillId="0" borderId="9" xfId="2" applyNumberFormat="1" applyFont="1" applyFill="1" applyBorder="1" applyAlignment="1">
      <alignment vertical="center"/>
    </xf>
    <xf numFmtId="179" fontId="8" fillId="0" borderId="9" xfId="2" applyNumberFormat="1" applyFont="1" applyFill="1" applyBorder="1" applyAlignment="1">
      <alignment horizontal="right" vertical="center"/>
    </xf>
    <xf numFmtId="179" fontId="8" fillId="0" borderId="20" xfId="2" applyNumberFormat="1" applyFont="1" applyFill="1" applyBorder="1" applyAlignment="1">
      <alignment vertical="center"/>
    </xf>
    <xf numFmtId="179" fontId="8" fillId="0" borderId="67" xfId="2" applyNumberFormat="1" applyFont="1" applyFill="1" applyBorder="1" applyAlignment="1">
      <alignment horizontal="right" vertical="center"/>
    </xf>
    <xf numFmtId="179" fontId="8" fillId="0" borderId="21" xfId="2" applyNumberFormat="1" applyFont="1" applyFill="1" applyBorder="1" applyAlignment="1">
      <alignment vertical="center"/>
    </xf>
    <xf numFmtId="179" fontId="8" fillId="0" borderId="68" xfId="2" applyNumberFormat="1" applyFont="1" applyFill="1" applyBorder="1" applyAlignment="1">
      <alignment vertical="center"/>
    </xf>
    <xf numFmtId="179" fontId="8" fillId="0" borderId="69" xfId="2" applyNumberFormat="1" applyFont="1" applyFill="1" applyBorder="1" applyAlignment="1">
      <alignment vertical="center"/>
    </xf>
    <xf numFmtId="179" fontId="8" fillId="0" borderId="69" xfId="2" applyNumberFormat="1" applyFont="1" applyFill="1" applyBorder="1" applyAlignment="1">
      <alignment horizontal="right" vertical="center"/>
    </xf>
    <xf numFmtId="179" fontId="8" fillId="0" borderId="68" xfId="2" applyNumberFormat="1" applyFont="1" applyFill="1" applyBorder="1" applyAlignment="1">
      <alignment horizontal="right" vertical="center"/>
    </xf>
    <xf numFmtId="179" fontId="8" fillId="0" borderId="22" xfId="2" applyNumberFormat="1" applyFont="1" applyFill="1" applyBorder="1" applyAlignment="1">
      <alignment vertical="center"/>
    </xf>
    <xf numFmtId="179" fontId="8" fillId="0" borderId="70" xfId="2" applyNumberFormat="1" applyFont="1" applyFill="1" applyBorder="1" applyAlignment="1">
      <alignment vertical="center"/>
    </xf>
    <xf numFmtId="179" fontId="8" fillId="0" borderId="71" xfId="2" applyNumberFormat="1" applyFont="1" applyFill="1" applyBorder="1" applyAlignment="1">
      <alignment vertical="center"/>
    </xf>
    <xf numFmtId="179" fontId="8" fillId="0" borderId="71" xfId="2" applyNumberFormat="1" applyFont="1" applyFill="1" applyBorder="1" applyAlignment="1">
      <alignment horizontal="right" vertical="center"/>
    </xf>
    <xf numFmtId="179" fontId="8" fillId="0" borderId="70" xfId="2" applyNumberFormat="1" applyFont="1" applyFill="1" applyBorder="1" applyAlignment="1">
      <alignment horizontal="right" vertical="center"/>
    </xf>
    <xf numFmtId="179" fontId="8" fillId="0" borderId="23" xfId="2" applyNumberFormat="1" applyFont="1" applyFill="1" applyBorder="1" applyAlignment="1">
      <alignment vertical="center"/>
    </xf>
    <xf numFmtId="179" fontId="8" fillId="0" borderId="24" xfId="2" applyNumberFormat="1" applyFont="1" applyFill="1" applyBorder="1" applyAlignment="1">
      <alignment vertical="center"/>
    </xf>
    <xf numFmtId="179" fontId="8" fillId="0" borderId="72" xfId="2" applyNumberFormat="1" applyFont="1" applyFill="1" applyBorder="1" applyAlignment="1">
      <alignment vertical="center"/>
    </xf>
    <xf numFmtId="179" fontId="8" fillId="0" borderId="28" xfId="2" applyNumberFormat="1" applyFont="1" applyFill="1" applyBorder="1" applyAlignment="1">
      <alignment vertical="center"/>
    </xf>
    <xf numFmtId="179" fontId="8" fillId="0" borderId="28" xfId="2" applyNumberFormat="1" applyFont="1" applyFill="1" applyBorder="1" applyAlignment="1">
      <alignment horizontal="right" vertical="center"/>
    </xf>
    <xf numFmtId="179" fontId="8" fillId="0" borderId="0" xfId="2" applyNumberFormat="1" applyFont="1" applyFill="1" applyBorder="1" applyAlignment="1">
      <alignment vertical="center"/>
    </xf>
    <xf numFmtId="179" fontId="8" fillId="0" borderId="0" xfId="2" applyNumberFormat="1" applyFont="1" applyFill="1" applyBorder="1" applyAlignment="1">
      <alignment horizontal="right" vertical="center"/>
    </xf>
    <xf numFmtId="179" fontId="8" fillId="0" borderId="67" xfId="2" applyNumberFormat="1" applyFont="1" applyFill="1" applyBorder="1" applyAlignment="1">
      <alignment vertical="center"/>
    </xf>
    <xf numFmtId="179" fontId="8" fillId="0" borderId="66" xfId="2" applyNumberFormat="1" applyFont="1" applyFill="1" applyBorder="1" applyAlignment="1">
      <alignment horizontal="right" vertical="center"/>
    </xf>
    <xf numFmtId="179" fontId="8" fillId="0" borderId="27" xfId="2" applyNumberFormat="1" applyFont="1" applyFill="1" applyBorder="1" applyAlignment="1">
      <alignment vertical="center"/>
    </xf>
    <xf numFmtId="179" fontId="8" fillId="0" borderId="33" xfId="2" applyNumberFormat="1" applyFont="1" applyFill="1" applyBorder="1" applyAlignment="1">
      <alignment vertical="center"/>
    </xf>
    <xf numFmtId="179" fontId="8" fillId="0" borderId="5" xfId="2" applyNumberFormat="1" applyFont="1" applyFill="1" applyBorder="1" applyAlignment="1">
      <alignment vertical="center"/>
    </xf>
    <xf numFmtId="179" fontId="8" fillId="0" borderId="45" xfId="2" applyNumberFormat="1" applyFont="1" applyFill="1" applyBorder="1" applyAlignment="1">
      <alignment vertical="center"/>
    </xf>
    <xf numFmtId="179" fontId="8" fillId="0" borderId="31" xfId="2" applyNumberFormat="1" applyFont="1" applyFill="1" applyBorder="1" applyAlignment="1">
      <alignment vertical="center"/>
    </xf>
    <xf numFmtId="179" fontId="8" fillId="0" borderId="2" xfId="2" applyNumberFormat="1" applyFont="1" applyFill="1" applyBorder="1" applyAlignment="1">
      <alignment vertical="center"/>
    </xf>
    <xf numFmtId="179" fontId="8" fillId="0" borderId="73" xfId="2" applyNumberFormat="1" applyFont="1" applyFill="1" applyBorder="1" applyAlignment="1">
      <alignment vertical="center"/>
    </xf>
    <xf numFmtId="179" fontId="8" fillId="0" borderId="0" xfId="3" applyNumberFormat="1" applyFont="1" applyFill="1" applyBorder="1" applyAlignment="1">
      <alignment vertical="center"/>
    </xf>
    <xf numFmtId="179" fontId="8" fillId="0" borderId="0" xfId="3" applyNumberFormat="1" applyFont="1" applyFill="1" applyBorder="1" applyAlignment="1">
      <alignment horizontal="right" vertical="center"/>
    </xf>
    <xf numFmtId="179" fontId="13" fillId="0" borderId="0" xfId="0" applyNumberFormat="1" applyFont="1" applyAlignment="1">
      <alignment vertical="center"/>
    </xf>
    <xf numFmtId="179" fontId="8" fillId="0" borderId="0" xfId="1" applyNumberFormat="1" applyFont="1" applyAlignment="1">
      <alignment horizontal="left" vertical="center"/>
    </xf>
    <xf numFmtId="179" fontId="8" fillId="0" borderId="65" xfId="2" applyNumberFormat="1" applyFont="1" applyFill="1" applyBorder="1" applyAlignment="1">
      <alignment vertical="center"/>
    </xf>
    <xf numFmtId="179" fontId="8" fillId="0" borderId="2" xfId="3" applyNumberFormat="1" applyFont="1" applyFill="1" applyBorder="1" applyAlignment="1">
      <alignment horizontal="center" vertical="center"/>
    </xf>
    <xf numFmtId="176" fontId="8" fillId="0" borderId="0" xfId="0" applyNumberFormat="1" applyFont="1" applyAlignment="1">
      <alignment vertical="center"/>
    </xf>
    <xf numFmtId="38" fontId="17" fillId="0" borderId="0" xfId="2" applyFont="1" applyAlignment="1">
      <alignment vertical="center"/>
    </xf>
    <xf numFmtId="176" fontId="8" fillId="0" borderId="75" xfId="3" applyNumberFormat="1" applyFont="1" applyFill="1" applyBorder="1" applyAlignment="1">
      <alignment horizontal="right" vertical="center"/>
    </xf>
    <xf numFmtId="176" fontId="8" fillId="0" borderId="2" xfId="3" applyNumberFormat="1" applyFont="1" applyFill="1" applyBorder="1" applyAlignment="1">
      <alignment horizontal="right" vertical="center"/>
    </xf>
    <xf numFmtId="176" fontId="8" fillId="0" borderId="2" xfId="3" applyNumberFormat="1" applyFont="1" applyFill="1" applyBorder="1" applyAlignment="1">
      <alignment horizontal="center" vertical="center"/>
    </xf>
    <xf numFmtId="176" fontId="8" fillId="0" borderId="33" xfId="3" applyNumberFormat="1" applyFont="1" applyFill="1" applyBorder="1" applyAlignment="1">
      <alignment horizontal="right" vertical="center"/>
    </xf>
    <xf numFmtId="176" fontId="8" fillId="0" borderId="57" xfId="3" applyNumberFormat="1" applyFont="1" applyFill="1" applyBorder="1" applyAlignment="1">
      <alignment horizontal="right" vertical="center"/>
    </xf>
    <xf numFmtId="176" fontId="8" fillId="0" borderId="39" xfId="2" applyNumberFormat="1" applyFont="1" applyFill="1" applyBorder="1" applyAlignment="1">
      <alignment horizontal="right" vertical="center"/>
    </xf>
    <xf numFmtId="176" fontId="8" fillId="0" borderId="71" xfId="2" applyNumberFormat="1" applyFont="1" applyFill="1" applyBorder="1" applyAlignment="1">
      <alignment horizontal="right" vertical="center"/>
    </xf>
    <xf numFmtId="176" fontId="8" fillId="0" borderId="39" xfId="2" applyNumberFormat="1" applyFont="1" applyFill="1" applyBorder="1" applyAlignment="1">
      <alignment vertical="center"/>
    </xf>
    <xf numFmtId="176" fontId="8" fillId="0" borderId="47" xfId="2" applyNumberFormat="1" applyFont="1" applyFill="1" applyBorder="1" applyAlignment="1">
      <alignment vertical="center"/>
    </xf>
    <xf numFmtId="176" fontId="8" fillId="0" borderId="8" xfId="2" applyNumberFormat="1" applyFont="1" applyFill="1" applyBorder="1" applyAlignment="1">
      <alignment vertical="center"/>
    </xf>
    <xf numFmtId="176" fontId="8" fillId="0" borderId="69" xfId="2" applyNumberFormat="1" applyFont="1" applyFill="1" applyBorder="1" applyAlignment="1">
      <alignment vertical="center"/>
    </xf>
    <xf numFmtId="176" fontId="8" fillId="0" borderId="28" xfId="2" applyNumberFormat="1" applyFont="1" applyFill="1" applyBorder="1" applyAlignment="1">
      <alignment vertical="center"/>
    </xf>
    <xf numFmtId="176" fontId="8" fillId="0" borderId="8" xfId="3" applyNumberFormat="1" applyFont="1" applyFill="1" applyBorder="1" applyAlignment="1">
      <alignment horizontal="right" vertical="center"/>
    </xf>
    <xf numFmtId="176" fontId="8" fillId="0" borderId="6" xfId="3" applyNumberFormat="1" applyFont="1" applyFill="1" applyBorder="1" applyAlignment="1">
      <alignment horizontal="right" vertical="center"/>
    </xf>
    <xf numFmtId="176" fontId="8" fillId="0" borderId="35" xfId="3" applyNumberFormat="1" applyFont="1" applyFill="1" applyBorder="1" applyAlignment="1">
      <alignment horizontal="right" vertical="center"/>
    </xf>
    <xf numFmtId="181" fontId="8" fillId="0" borderId="7" xfId="3" applyNumberFormat="1" applyFont="1" applyFill="1" applyBorder="1" applyAlignment="1">
      <alignment horizontal="right" vertical="center"/>
    </xf>
    <xf numFmtId="181" fontId="8" fillId="0" borderId="76" xfId="3" applyNumberFormat="1" applyFont="1" applyFill="1" applyBorder="1" applyAlignment="1">
      <alignment horizontal="right" vertical="center"/>
    </xf>
    <xf numFmtId="181" fontId="8" fillId="0" borderId="8" xfId="2" applyNumberFormat="1" applyFont="1" applyFill="1" applyBorder="1" applyAlignment="1">
      <alignment horizontal="right" vertical="center"/>
    </xf>
    <xf numFmtId="176" fontId="8" fillId="0" borderId="7" xfId="3" applyNumberFormat="1" applyFont="1" applyFill="1" applyBorder="1" applyAlignment="1">
      <alignment horizontal="center" vertical="center"/>
    </xf>
    <xf numFmtId="177" fontId="8" fillId="0" borderId="45" xfId="2" applyNumberFormat="1" applyFont="1" applyFill="1" applyBorder="1" applyAlignment="1">
      <alignment horizontal="center" vertical="center" wrapText="1"/>
    </xf>
    <xf numFmtId="179" fontId="7" fillId="0" borderId="0" xfId="2" applyNumberFormat="1" applyFont="1" applyFill="1" applyAlignment="1">
      <alignment horizontal="right" vertical="center"/>
    </xf>
    <xf numFmtId="179" fontId="12" fillId="0" borderId="0" xfId="2" applyNumberFormat="1" applyFont="1" applyFill="1" applyAlignment="1">
      <alignment horizontal="left" vertical="center"/>
    </xf>
    <xf numFmtId="179" fontId="8" fillId="0" borderId="0" xfId="2" applyNumberFormat="1" applyFont="1" applyFill="1" applyAlignment="1">
      <alignment vertical="center"/>
    </xf>
    <xf numFmtId="180" fontId="8" fillId="0" borderId="0" xfId="2" applyNumberFormat="1" applyFont="1" applyFill="1" applyAlignment="1">
      <alignment vertical="center"/>
    </xf>
    <xf numFmtId="176" fontId="8" fillId="0" borderId="0" xfId="3" applyNumberFormat="1" applyFont="1" applyFill="1" applyAlignment="1">
      <alignment vertical="center"/>
    </xf>
    <xf numFmtId="180" fontId="6" fillId="0" borderId="0" xfId="2" applyNumberFormat="1" applyFont="1" applyFill="1" applyBorder="1" applyAlignment="1">
      <alignment horizontal="left" vertical="center"/>
    </xf>
    <xf numFmtId="179" fontId="6" fillId="0" borderId="0" xfId="2" applyNumberFormat="1" applyFont="1" applyFill="1" applyAlignment="1">
      <alignment horizontal="left" vertical="center"/>
    </xf>
    <xf numFmtId="176" fontId="4" fillId="0" borderId="0" xfId="3" applyNumberFormat="1" applyFont="1" applyFill="1" applyBorder="1" applyAlignment="1">
      <alignment horizontal="left" vertical="center"/>
    </xf>
    <xf numFmtId="179" fontId="7" fillId="0" borderId="0" xfId="2" applyNumberFormat="1" applyFont="1" applyFill="1" applyAlignment="1">
      <alignment horizontal="center" vertical="center"/>
    </xf>
    <xf numFmtId="179" fontId="8" fillId="0" borderId="0" xfId="2" applyNumberFormat="1" applyFont="1" applyFill="1" applyAlignment="1">
      <alignment horizontal="center" vertical="center"/>
    </xf>
    <xf numFmtId="179" fontId="6" fillId="0" borderId="0" xfId="2" applyNumberFormat="1" applyFont="1" applyFill="1" applyBorder="1" applyAlignment="1">
      <alignment horizontal="left" vertical="center"/>
    </xf>
    <xf numFmtId="179" fontId="8" fillId="0" borderId="0" xfId="2" applyNumberFormat="1" applyFont="1" applyFill="1" applyAlignment="1">
      <alignment horizontal="left" vertical="center"/>
    </xf>
    <xf numFmtId="179" fontId="8" fillId="0" borderId="22" xfId="2" applyNumberFormat="1" applyFont="1" applyFill="1" applyBorder="1" applyAlignment="1">
      <alignment horizontal="center" vertical="center" wrapText="1"/>
    </xf>
    <xf numFmtId="179" fontId="8" fillId="0" borderId="45" xfId="2" applyNumberFormat="1" applyFont="1" applyFill="1" applyBorder="1" applyAlignment="1">
      <alignment horizontal="center" vertical="center" wrapText="1"/>
    </xf>
    <xf numFmtId="180" fontId="8" fillId="0" borderId="45" xfId="2" applyNumberFormat="1" applyFont="1" applyFill="1" applyBorder="1" applyAlignment="1">
      <alignment horizontal="center" vertical="center" wrapText="1"/>
    </xf>
    <xf numFmtId="176" fontId="8" fillId="0" borderId="47" xfId="3" applyNumberFormat="1" applyFont="1" applyFill="1" applyBorder="1" applyAlignment="1">
      <alignment horizontal="center" vertical="center" wrapText="1"/>
    </xf>
    <xf numFmtId="179" fontId="8" fillId="0" borderId="51" xfId="2" applyNumberFormat="1" applyFont="1" applyFill="1" applyBorder="1" applyAlignment="1">
      <alignment horizontal="center" vertical="center"/>
    </xf>
    <xf numFmtId="179" fontId="8" fillId="0" borderId="20" xfId="2" applyNumberFormat="1" applyFont="1" applyFill="1" applyBorder="1" applyAlignment="1">
      <alignment horizontal="right" vertical="center"/>
    </xf>
    <xf numFmtId="179" fontId="8" fillId="0" borderId="5" xfId="2" applyNumberFormat="1" applyFont="1" applyFill="1" applyBorder="1" applyAlignment="1">
      <alignment horizontal="right" vertical="center"/>
    </xf>
    <xf numFmtId="180" fontId="8" fillId="0" borderId="5" xfId="2" applyNumberFormat="1" applyFont="1" applyFill="1" applyBorder="1" applyAlignment="1">
      <alignment horizontal="right" vertical="center"/>
    </xf>
    <xf numFmtId="179" fontId="8" fillId="0" borderId="52" xfId="2" applyNumberFormat="1" applyFont="1" applyFill="1" applyBorder="1" applyAlignment="1">
      <alignment horizontal="center" vertical="center"/>
    </xf>
    <xf numFmtId="179" fontId="8" fillId="0" borderId="21" xfId="2" applyNumberFormat="1" applyFont="1" applyFill="1" applyBorder="1" applyAlignment="1">
      <alignment horizontal="right" vertical="center"/>
    </xf>
    <xf numFmtId="179" fontId="8" fillId="0" borderId="37" xfId="2" applyNumberFormat="1" applyFont="1" applyFill="1" applyBorder="1" applyAlignment="1">
      <alignment horizontal="right" vertical="center"/>
    </xf>
    <xf numFmtId="179" fontId="9" fillId="0" borderId="0" xfId="2" applyNumberFormat="1" applyFont="1" applyFill="1" applyAlignment="1">
      <alignment vertical="center"/>
    </xf>
    <xf numFmtId="179" fontId="9" fillId="0" borderId="53" xfId="2" applyNumberFormat="1" applyFont="1" applyFill="1" applyBorder="1" applyAlignment="1">
      <alignment horizontal="center" vertical="center"/>
    </xf>
    <xf numFmtId="179" fontId="9" fillId="0" borderId="22" xfId="2" applyNumberFormat="1" applyFont="1" applyFill="1" applyBorder="1" applyAlignment="1">
      <alignment horizontal="right" vertical="center"/>
    </xf>
    <xf numFmtId="179" fontId="9" fillId="0" borderId="45" xfId="2" applyNumberFormat="1" applyFont="1" applyFill="1" applyBorder="1" applyAlignment="1">
      <alignment horizontal="right" vertical="center"/>
    </xf>
    <xf numFmtId="180" fontId="9" fillId="0" borderId="45" xfId="2" applyNumberFormat="1" applyFont="1" applyFill="1" applyBorder="1" applyAlignment="1">
      <alignment horizontal="right" vertical="center"/>
    </xf>
    <xf numFmtId="179" fontId="9" fillId="0" borderId="5" xfId="2" applyNumberFormat="1" applyFont="1" applyFill="1" applyBorder="1" applyAlignment="1">
      <alignment horizontal="right" vertical="center"/>
    </xf>
    <xf numFmtId="176" fontId="9" fillId="0" borderId="47" xfId="3" applyNumberFormat="1" applyFont="1" applyFill="1" applyBorder="1" applyAlignment="1">
      <alignment horizontal="right" vertical="center"/>
    </xf>
    <xf numFmtId="179" fontId="8" fillId="0" borderId="65" xfId="2" applyNumberFormat="1" applyFont="1" applyFill="1" applyBorder="1" applyAlignment="1">
      <alignment horizontal="center" vertical="center"/>
    </xf>
    <xf numFmtId="179" fontId="8" fillId="0" borderId="31" xfId="2" applyNumberFormat="1" applyFont="1" applyFill="1" applyBorder="1" applyAlignment="1">
      <alignment horizontal="right" vertical="center"/>
    </xf>
    <xf numFmtId="179" fontId="8" fillId="0" borderId="73" xfId="2" applyNumberFormat="1" applyFont="1" applyFill="1" applyBorder="1" applyAlignment="1">
      <alignment horizontal="right" vertical="center"/>
    </xf>
    <xf numFmtId="180" fontId="8" fillId="0" borderId="2" xfId="2" applyNumberFormat="1" applyFont="1" applyFill="1" applyBorder="1" applyAlignment="1">
      <alignment horizontal="right" vertical="center"/>
    </xf>
    <xf numFmtId="179" fontId="8" fillId="0" borderId="2" xfId="2" applyNumberFormat="1" applyFont="1" applyFill="1" applyBorder="1" applyAlignment="1">
      <alignment horizontal="right" vertical="center"/>
    </xf>
    <xf numFmtId="179" fontId="8" fillId="0" borderId="19" xfId="2" applyNumberFormat="1" applyFont="1" applyFill="1" applyBorder="1" applyAlignment="1">
      <alignment horizontal="right" vertical="center"/>
    </xf>
    <xf numFmtId="179" fontId="8" fillId="0" borderId="4" xfId="2" applyNumberFormat="1" applyFont="1" applyFill="1" applyBorder="1" applyAlignment="1">
      <alignment horizontal="right" vertical="center"/>
    </xf>
    <xf numFmtId="180" fontId="8" fillId="0" borderId="6" xfId="2" applyNumberFormat="1" applyFont="1" applyFill="1" applyBorder="1" applyAlignment="1">
      <alignment horizontal="right" vertical="center"/>
    </xf>
    <xf numFmtId="179" fontId="8" fillId="0" borderId="75" xfId="2" applyNumberFormat="1" applyFont="1" applyFill="1" applyBorder="1" applyAlignment="1">
      <alignment horizontal="right" vertical="center"/>
    </xf>
    <xf numFmtId="179" fontId="8" fillId="0" borderId="53" xfId="2" applyNumberFormat="1" applyFont="1" applyFill="1" applyBorder="1" applyAlignment="1">
      <alignment horizontal="center" vertical="center"/>
    </xf>
    <xf numFmtId="179" fontId="8" fillId="0" borderId="22" xfId="2" applyNumberFormat="1" applyFont="1" applyFill="1" applyBorder="1" applyAlignment="1">
      <alignment horizontal="right" vertical="center"/>
    </xf>
    <xf numFmtId="179" fontId="8" fillId="0" borderId="45" xfId="2" applyNumberFormat="1" applyFont="1" applyFill="1" applyBorder="1" applyAlignment="1">
      <alignment horizontal="right" vertical="center"/>
    </xf>
    <xf numFmtId="180" fontId="8" fillId="0" borderId="45" xfId="2" applyNumberFormat="1" applyFont="1" applyFill="1" applyBorder="1" applyAlignment="1">
      <alignment horizontal="right" vertical="center"/>
    </xf>
    <xf numFmtId="179" fontId="10" fillId="0" borderId="0" xfId="2" applyNumberFormat="1" applyFont="1" applyFill="1" applyAlignment="1">
      <alignment horizontal="center" vertical="center"/>
    </xf>
    <xf numFmtId="180" fontId="10" fillId="0" borderId="0" xfId="2" applyNumberFormat="1" applyFont="1" applyFill="1" applyAlignment="1">
      <alignment horizontal="center" vertical="center"/>
    </xf>
    <xf numFmtId="176" fontId="10" fillId="0" borderId="0" xfId="3" applyNumberFormat="1" applyFont="1" applyFill="1" applyAlignment="1">
      <alignment horizontal="center" vertical="center"/>
    </xf>
    <xf numFmtId="0" fontId="8" fillId="0" borderId="0" xfId="0" applyFont="1" applyFill="1" applyAlignment="1">
      <alignment vertical="center"/>
    </xf>
    <xf numFmtId="0" fontId="6" fillId="0" borderId="0" xfId="0" applyFont="1" applyFill="1" applyAlignment="1">
      <alignment horizontal="left" vertical="center"/>
    </xf>
    <xf numFmtId="11" fontId="8" fillId="0" borderId="0" xfId="0" applyNumberFormat="1" applyFont="1" applyFill="1" applyAlignment="1">
      <alignment vertical="center"/>
    </xf>
    <xf numFmtId="176" fontId="8" fillId="0" borderId="39" xfId="3" applyNumberFormat="1" applyFont="1" applyFill="1" applyBorder="1" applyAlignment="1">
      <alignment horizontal="center" vertical="center"/>
    </xf>
    <xf numFmtId="177" fontId="12" fillId="0" borderId="0" xfId="2" applyNumberFormat="1" applyFont="1" applyFill="1" applyAlignment="1">
      <alignment vertical="center"/>
    </xf>
    <xf numFmtId="177" fontId="8" fillId="0" borderId="0" xfId="2" applyNumberFormat="1" applyFont="1" applyFill="1" applyAlignment="1">
      <alignment horizontal="right"/>
    </xf>
    <xf numFmtId="177" fontId="7" fillId="0" borderId="0" xfId="2" applyNumberFormat="1" applyFont="1" applyFill="1" applyAlignment="1">
      <alignment vertical="center"/>
    </xf>
    <xf numFmtId="177" fontId="8" fillId="0" borderId="22" xfId="2" applyNumberFormat="1" applyFont="1" applyFill="1" applyBorder="1" applyAlignment="1">
      <alignment horizontal="center" vertical="center" wrapText="1"/>
    </xf>
    <xf numFmtId="177" fontId="8" fillId="0" borderId="51" xfId="2" applyNumberFormat="1" applyFont="1" applyFill="1" applyBorder="1" applyAlignment="1">
      <alignment horizontal="center" vertical="center"/>
    </xf>
    <xf numFmtId="177" fontId="8" fillId="0" borderId="20" xfId="2" applyNumberFormat="1" applyFont="1" applyFill="1" applyBorder="1" applyAlignment="1">
      <alignment horizontal="right" vertical="center"/>
    </xf>
    <xf numFmtId="177" fontId="8" fillId="0" borderId="4" xfId="2" applyNumberFormat="1" applyFont="1" applyFill="1" applyBorder="1" applyAlignment="1">
      <alignment horizontal="right" vertical="center"/>
    </xf>
    <xf numFmtId="177" fontId="8" fillId="0" borderId="99" xfId="2" applyNumberFormat="1" applyFont="1" applyFill="1" applyBorder="1" applyAlignment="1">
      <alignment vertical="center"/>
    </xf>
    <xf numFmtId="177" fontId="8" fillId="0" borderId="57" xfId="2" applyNumberFormat="1" applyFont="1" applyFill="1" applyBorder="1" applyAlignment="1">
      <alignment vertical="center"/>
    </xf>
    <xf numFmtId="177" fontId="8" fillId="0" borderId="19" xfId="2" applyNumberFormat="1" applyFont="1" applyFill="1" applyBorder="1" applyAlignment="1">
      <alignment vertical="center"/>
    </xf>
    <xf numFmtId="177" fontId="8" fillId="0" borderId="59" xfId="2" applyNumberFormat="1" applyFont="1" applyFill="1" applyBorder="1" applyAlignment="1">
      <alignment vertical="center"/>
    </xf>
    <xf numFmtId="177" fontId="8" fillId="0" borderId="100" xfId="2" applyNumberFormat="1" applyFont="1" applyFill="1" applyBorder="1" applyAlignment="1">
      <alignment horizontal="right" vertical="center"/>
    </xf>
    <xf numFmtId="177" fontId="8" fillId="0" borderId="90" xfId="2" applyNumberFormat="1" applyFont="1" applyFill="1" applyBorder="1" applyAlignment="1">
      <alignment vertical="center"/>
    </xf>
    <xf numFmtId="177" fontId="8" fillId="0" borderId="52" xfId="2" applyNumberFormat="1" applyFont="1" applyFill="1" applyBorder="1" applyAlignment="1">
      <alignment horizontal="center" vertical="center"/>
    </xf>
    <xf numFmtId="177" fontId="8" fillId="0" borderId="7" xfId="2" applyNumberFormat="1" applyFont="1" applyFill="1" applyBorder="1" applyAlignment="1">
      <alignment vertical="center"/>
    </xf>
    <xf numFmtId="177" fontId="8" fillId="0" borderId="20" xfId="2" applyNumberFormat="1" applyFont="1" applyFill="1" applyBorder="1" applyAlignment="1">
      <alignment vertical="center"/>
    </xf>
    <xf numFmtId="177" fontId="8" fillId="0" borderId="53" xfId="2" applyNumberFormat="1" applyFont="1" applyFill="1" applyBorder="1" applyAlignment="1">
      <alignment horizontal="center" vertical="center"/>
    </xf>
    <xf numFmtId="177" fontId="8" fillId="0" borderId="22" xfId="2" applyNumberFormat="1" applyFont="1" applyFill="1" applyBorder="1" applyAlignment="1">
      <alignment horizontal="right" vertical="center"/>
    </xf>
    <xf numFmtId="177" fontId="8" fillId="0" borderId="45" xfId="2" applyNumberFormat="1" applyFont="1" applyFill="1" applyBorder="1" applyAlignment="1">
      <alignment horizontal="right" vertical="center"/>
    </xf>
    <xf numFmtId="177" fontId="8" fillId="0" borderId="47" xfId="2" applyNumberFormat="1" applyFont="1" applyFill="1" applyBorder="1" applyAlignment="1">
      <alignment vertical="center"/>
    </xf>
    <xf numFmtId="177" fontId="8" fillId="0" borderId="22" xfId="2" applyNumberFormat="1" applyFont="1" applyFill="1" applyBorder="1" applyAlignment="1">
      <alignment vertical="center"/>
    </xf>
    <xf numFmtId="177" fontId="8" fillId="0" borderId="61" xfId="2" applyNumberFormat="1" applyFont="1" applyFill="1" applyBorder="1" applyAlignment="1">
      <alignment vertical="center"/>
    </xf>
    <xf numFmtId="177" fontId="8" fillId="0" borderId="101" xfId="2" applyNumberFormat="1" applyFont="1" applyFill="1" applyBorder="1" applyAlignment="1">
      <alignment horizontal="right" vertical="center"/>
    </xf>
    <xf numFmtId="177" fontId="8" fillId="0" borderId="102" xfId="2" applyNumberFormat="1" applyFont="1" applyFill="1" applyBorder="1" applyAlignment="1">
      <alignment vertical="center"/>
    </xf>
    <xf numFmtId="177" fontId="8" fillId="0" borderId="65" xfId="2" applyNumberFormat="1" applyFont="1" applyFill="1" applyBorder="1" applyAlignment="1">
      <alignment horizontal="center" vertical="center" wrapText="1"/>
    </xf>
    <xf numFmtId="177" fontId="8" fillId="0" borderId="24" xfId="2" applyNumberFormat="1" applyFont="1" applyFill="1" applyBorder="1" applyAlignment="1">
      <alignment vertical="center"/>
    </xf>
    <xf numFmtId="177" fontId="8" fillId="0" borderId="54" xfId="2" applyNumberFormat="1" applyFont="1" applyFill="1" applyBorder="1" applyAlignment="1">
      <alignment vertical="center"/>
    </xf>
    <xf numFmtId="177" fontId="8" fillId="0" borderId="3" xfId="2" applyNumberFormat="1" applyFont="1" applyFill="1" applyBorder="1" applyAlignment="1">
      <alignment vertical="center"/>
    </xf>
    <xf numFmtId="177" fontId="8" fillId="0" borderId="8" xfId="2" applyNumberFormat="1" applyFont="1" applyFill="1" applyBorder="1" applyAlignment="1">
      <alignment vertical="center"/>
    </xf>
    <xf numFmtId="177" fontId="8" fillId="0" borderId="31" xfId="2" applyNumberFormat="1" applyFont="1" applyFill="1" applyBorder="1" applyAlignment="1">
      <alignment vertical="center"/>
    </xf>
    <xf numFmtId="177" fontId="8" fillId="0" borderId="32" xfId="2" applyNumberFormat="1" applyFont="1" applyFill="1" applyBorder="1" applyAlignment="1">
      <alignment vertical="center"/>
    </xf>
    <xf numFmtId="177" fontId="8" fillId="0" borderId="103" xfId="2" applyNumberFormat="1" applyFont="1" applyFill="1" applyBorder="1" applyAlignment="1">
      <alignment horizontal="right" vertical="center"/>
    </xf>
    <xf numFmtId="176" fontId="8" fillId="0" borderId="8" xfId="2" applyNumberFormat="1" applyFont="1" applyFill="1" applyBorder="1" applyAlignment="1">
      <alignment horizontal="right" vertical="center"/>
    </xf>
    <xf numFmtId="177" fontId="8" fillId="0" borderId="19" xfId="2" applyNumberFormat="1" applyFont="1" applyFill="1" applyBorder="1" applyAlignment="1">
      <alignment horizontal="right" vertical="center"/>
    </xf>
    <xf numFmtId="177" fontId="8" fillId="0" borderId="57" xfId="2" applyNumberFormat="1" applyFont="1" applyFill="1" applyBorder="1" applyAlignment="1">
      <alignment horizontal="right" vertical="center"/>
    </xf>
    <xf numFmtId="177" fontId="8" fillId="0" borderId="4" xfId="2" applyNumberFormat="1" applyFont="1" applyFill="1" applyBorder="1" applyAlignment="1">
      <alignment vertical="center"/>
    </xf>
    <xf numFmtId="177" fontId="8" fillId="0" borderId="90" xfId="2" applyNumberFormat="1" applyFont="1" applyFill="1" applyBorder="1" applyAlignment="1">
      <alignment horizontal="right" vertical="center"/>
    </xf>
    <xf numFmtId="177" fontId="8" fillId="0" borderId="7" xfId="2" applyNumberFormat="1" applyFont="1" applyFill="1" applyBorder="1" applyAlignment="1">
      <alignment horizontal="right" vertical="center"/>
    </xf>
    <xf numFmtId="177" fontId="8" fillId="0" borderId="65" xfId="2" applyNumberFormat="1" applyFont="1" applyFill="1" applyBorder="1" applyAlignment="1">
      <alignment horizontal="center" vertical="center"/>
    </xf>
    <xf numFmtId="177" fontId="8" fillId="0" borderId="2" xfId="2" applyNumberFormat="1" applyFont="1" applyFill="1" applyBorder="1" applyAlignment="1">
      <alignment vertical="center"/>
    </xf>
    <xf numFmtId="177" fontId="8" fillId="0" borderId="73" xfId="2" applyNumberFormat="1" applyFont="1" applyFill="1" applyBorder="1" applyAlignment="1">
      <alignment vertical="center"/>
    </xf>
    <xf numFmtId="177" fontId="8" fillId="0" borderId="3" xfId="2" applyNumberFormat="1" applyFont="1" applyFill="1" applyBorder="1" applyAlignment="1">
      <alignment horizontal="right" vertical="center"/>
    </xf>
    <xf numFmtId="177" fontId="11" fillId="0" borderId="0" xfId="2" applyNumberFormat="1" applyFont="1" applyFill="1" applyAlignment="1">
      <alignment vertical="center"/>
    </xf>
    <xf numFmtId="177" fontId="8" fillId="0" borderId="5" xfId="2" applyNumberFormat="1" applyFont="1" applyFill="1" applyBorder="1" applyAlignment="1">
      <alignment vertical="center"/>
    </xf>
    <xf numFmtId="177" fontId="8" fillId="0" borderId="6" xfId="2" applyNumberFormat="1" applyFont="1" applyFill="1" applyBorder="1" applyAlignment="1">
      <alignment vertical="center"/>
    </xf>
    <xf numFmtId="178" fontId="8" fillId="0" borderId="75" xfId="2" applyNumberFormat="1" applyFont="1" applyFill="1" applyBorder="1" applyAlignment="1">
      <alignment horizontal="right" vertical="center"/>
    </xf>
    <xf numFmtId="177" fontId="8" fillId="0" borderId="37" xfId="2" applyNumberFormat="1" applyFont="1" applyFill="1" applyBorder="1" applyAlignment="1">
      <alignment vertical="center"/>
    </xf>
    <xf numFmtId="177" fontId="8" fillId="0" borderId="38" xfId="2" applyNumberFormat="1" applyFont="1" applyFill="1" applyBorder="1" applyAlignment="1">
      <alignment vertical="center"/>
    </xf>
    <xf numFmtId="178" fontId="8" fillId="0" borderId="37" xfId="2" applyNumberFormat="1" applyFont="1" applyFill="1" applyBorder="1" applyAlignment="1">
      <alignment horizontal="right" vertical="center"/>
    </xf>
    <xf numFmtId="177" fontId="8" fillId="0" borderId="45" xfId="2" applyNumberFormat="1" applyFont="1" applyFill="1" applyBorder="1" applyAlignment="1">
      <alignment vertical="center"/>
    </xf>
    <xf numFmtId="177" fontId="8" fillId="0" borderId="46" xfId="2" applyNumberFormat="1" applyFont="1" applyFill="1" applyBorder="1" applyAlignment="1">
      <alignment vertical="center"/>
    </xf>
    <xf numFmtId="178" fontId="8" fillId="0" borderId="45" xfId="2" applyNumberFormat="1" applyFont="1" applyFill="1" applyBorder="1" applyAlignment="1">
      <alignment horizontal="right" vertical="center"/>
    </xf>
    <xf numFmtId="178" fontId="8" fillId="0" borderId="36" xfId="2" applyNumberFormat="1" applyFont="1" applyFill="1" applyBorder="1" applyAlignment="1">
      <alignment horizontal="right" vertical="center"/>
    </xf>
    <xf numFmtId="179" fontId="12" fillId="0" borderId="0" xfId="0" applyNumberFormat="1" applyFont="1" applyFill="1" applyAlignment="1">
      <alignment vertical="center"/>
    </xf>
    <xf numFmtId="179" fontId="8" fillId="0" borderId="0" xfId="0" applyNumberFormat="1" applyFont="1" applyFill="1" applyAlignment="1">
      <alignment vertical="center"/>
    </xf>
    <xf numFmtId="176" fontId="8" fillId="0" borderId="0" xfId="3" applyNumberFormat="1" applyFont="1" applyFill="1" applyAlignment="1">
      <alignment horizontal="right" vertical="center"/>
    </xf>
    <xf numFmtId="179" fontId="6" fillId="0" borderId="0" xfId="0" applyNumberFormat="1" applyFont="1" applyFill="1" applyAlignment="1">
      <alignment horizontal="left" vertical="center"/>
    </xf>
    <xf numFmtId="179" fontId="7" fillId="0" borderId="0" xfId="0" applyNumberFormat="1" applyFont="1" applyFill="1" applyAlignment="1">
      <alignment vertical="center"/>
    </xf>
    <xf numFmtId="179" fontId="8" fillId="0" borderId="22" xfId="0" applyNumberFormat="1" applyFont="1" applyFill="1" applyBorder="1" applyAlignment="1">
      <alignment horizontal="center" vertical="center" wrapText="1"/>
    </xf>
    <xf numFmtId="179" fontId="13" fillId="0" borderId="45" xfId="0" applyNumberFormat="1" applyFont="1" applyFill="1" applyBorder="1" applyAlignment="1">
      <alignment horizontal="center" vertical="center" wrapText="1"/>
    </xf>
    <xf numFmtId="176" fontId="8" fillId="0" borderId="47" xfId="3" applyNumberFormat="1" applyFont="1" applyFill="1" applyBorder="1" applyAlignment="1">
      <alignment horizontal="center" vertical="center"/>
    </xf>
    <xf numFmtId="179" fontId="8" fillId="0" borderId="51" xfId="0" applyNumberFormat="1" applyFont="1" applyFill="1" applyBorder="1" applyAlignment="1">
      <alignment horizontal="center" vertical="center"/>
    </xf>
    <xf numFmtId="179" fontId="8" fillId="0" borderId="4" xfId="2" applyNumberFormat="1" applyFont="1" applyFill="1" applyBorder="1" applyAlignment="1">
      <alignment vertical="center"/>
    </xf>
    <xf numFmtId="179" fontId="8" fillId="0" borderId="52" xfId="0" applyNumberFormat="1" applyFont="1" applyFill="1" applyBorder="1" applyAlignment="1">
      <alignment horizontal="center" vertical="center"/>
    </xf>
    <xf numFmtId="179" fontId="8" fillId="0" borderId="37" xfId="2" applyNumberFormat="1" applyFont="1" applyFill="1" applyBorder="1" applyAlignment="1">
      <alignment vertical="center"/>
    </xf>
    <xf numFmtId="179" fontId="8" fillId="0" borderId="53" xfId="0" applyNumberFormat="1" applyFont="1" applyFill="1" applyBorder="1" applyAlignment="1">
      <alignment horizontal="center" vertical="center"/>
    </xf>
    <xf numFmtId="179" fontId="8" fillId="0" borderId="105" xfId="2" applyNumberFormat="1" applyFont="1" applyFill="1" applyBorder="1" applyAlignment="1">
      <alignment vertical="center"/>
    </xf>
    <xf numFmtId="179" fontId="8" fillId="0" borderId="56" xfId="0" applyNumberFormat="1" applyFont="1" applyFill="1" applyBorder="1" applyAlignment="1">
      <alignment horizontal="center" vertical="center"/>
    </xf>
    <xf numFmtId="179" fontId="8" fillId="0" borderId="65" xfId="0" applyNumberFormat="1" applyFont="1" applyFill="1" applyBorder="1" applyAlignment="1">
      <alignment horizontal="center" vertical="center"/>
    </xf>
    <xf numFmtId="179" fontId="8" fillId="0" borderId="58" xfId="2" applyNumberFormat="1" applyFont="1" applyFill="1" applyBorder="1" applyAlignment="1">
      <alignment vertical="center"/>
    </xf>
    <xf numFmtId="0" fontId="12" fillId="0" borderId="0" xfId="0" applyFont="1" applyFill="1" applyAlignment="1">
      <alignment vertical="center"/>
    </xf>
    <xf numFmtId="0" fontId="8" fillId="0" borderId="0" xfId="0" applyFont="1" applyFill="1" applyAlignment="1">
      <alignment horizontal="right" vertical="center"/>
    </xf>
    <xf numFmtId="0" fontId="7" fillId="0" borderId="0" xfId="0" applyFont="1" applyFill="1" applyAlignment="1">
      <alignment vertical="center"/>
    </xf>
    <xf numFmtId="0" fontId="16" fillId="0" borderId="0" xfId="0" applyFont="1" applyFill="1" applyAlignment="1">
      <alignment vertical="center"/>
    </xf>
    <xf numFmtId="179" fontId="8" fillId="0" borderId="105" xfId="6" applyNumberFormat="1" applyFont="1" applyFill="1" applyBorder="1" applyAlignment="1">
      <alignment horizontal="center" vertical="center" wrapText="1"/>
    </xf>
    <xf numFmtId="179" fontId="8" fillId="0" borderId="107" xfId="6" applyNumberFormat="1" applyFont="1" applyFill="1" applyBorder="1" applyAlignment="1">
      <alignment horizontal="center" vertical="center" wrapText="1"/>
    </xf>
    <xf numFmtId="179" fontId="8" fillId="0" borderId="106" xfId="6" applyNumberFormat="1" applyFont="1" applyFill="1" applyBorder="1" applyAlignment="1">
      <alignment horizontal="center" vertical="center" wrapText="1"/>
    </xf>
    <xf numFmtId="179" fontId="8" fillId="0" borderId="108" xfId="6" applyNumberFormat="1" applyFont="1" applyFill="1" applyBorder="1" applyAlignment="1">
      <alignment horizontal="center" vertical="center" wrapText="1"/>
    </xf>
    <xf numFmtId="179" fontId="8" fillId="0" borderId="109" xfId="6" applyNumberFormat="1" applyFont="1" applyFill="1" applyBorder="1" applyAlignment="1">
      <alignment horizontal="center" vertical="center" wrapText="1"/>
    </xf>
    <xf numFmtId="179" fontId="8" fillId="0" borderId="106" xfId="0" applyNumberFormat="1" applyFont="1" applyFill="1" applyBorder="1" applyAlignment="1">
      <alignment horizontal="center" vertical="center"/>
    </xf>
    <xf numFmtId="179" fontId="8" fillId="0" borderId="0" xfId="6" applyNumberFormat="1" applyFont="1" applyFill="1" applyAlignment="1">
      <alignment horizontal="center" vertical="center"/>
    </xf>
    <xf numFmtId="179" fontId="8" fillId="0" borderId="16" xfId="6" applyNumberFormat="1" applyFont="1" applyFill="1" applyBorder="1" applyAlignment="1">
      <alignment horizontal="center" vertical="center" wrapText="1"/>
    </xf>
    <xf numFmtId="179" fontId="8" fillId="0" borderId="112" xfId="6" applyNumberFormat="1" applyFont="1" applyFill="1" applyBorder="1" applyAlignment="1">
      <alignment horizontal="center" vertical="center" wrapText="1"/>
    </xf>
    <xf numFmtId="179" fontId="8" fillId="0" borderId="113" xfId="0" applyNumberFormat="1" applyFont="1" applyFill="1" applyBorder="1" applyAlignment="1">
      <alignment horizontal="center" vertical="center"/>
    </xf>
    <xf numFmtId="57" fontId="8" fillId="0" borderId="105" xfId="6" applyNumberFormat="1" applyFont="1" applyFill="1" applyBorder="1" applyAlignment="1">
      <alignment horizontal="center" vertical="center" wrapText="1"/>
    </xf>
    <xf numFmtId="57" fontId="11" fillId="0" borderId="116" xfId="6" applyNumberFormat="1" applyFont="1" applyFill="1" applyBorder="1" applyAlignment="1">
      <alignment horizontal="center" vertical="center" wrapText="1"/>
    </xf>
    <xf numFmtId="57" fontId="8" fillId="0" borderId="47" xfId="6" applyNumberFormat="1" applyFont="1" applyFill="1" applyBorder="1" applyAlignment="1">
      <alignment horizontal="center" vertical="center" wrapText="1"/>
    </xf>
    <xf numFmtId="57" fontId="8" fillId="0" borderId="117" xfId="6" applyNumberFormat="1" applyFont="1" applyFill="1" applyBorder="1" applyAlignment="1">
      <alignment horizontal="center" vertical="center" wrapText="1"/>
    </xf>
    <xf numFmtId="0" fontId="8" fillId="0" borderId="14" xfId="6" applyFont="1" applyFill="1" applyBorder="1" applyAlignment="1">
      <alignment horizontal="center" vertical="center"/>
    </xf>
    <xf numFmtId="38" fontId="8" fillId="0" borderId="59" xfId="2" applyFont="1" applyFill="1" applyBorder="1" applyAlignment="1">
      <alignment vertical="center"/>
    </xf>
    <xf numFmtId="0" fontId="8" fillId="0" borderId="110" xfId="6" applyFont="1" applyFill="1" applyBorder="1" applyAlignment="1">
      <alignment horizontal="center" vertical="center"/>
    </xf>
    <xf numFmtId="38" fontId="8" fillId="0" borderId="60" xfId="2" applyFont="1" applyFill="1" applyBorder="1" applyAlignment="1">
      <alignment vertical="center"/>
    </xf>
    <xf numFmtId="0" fontId="8" fillId="0" borderId="91" xfId="6" applyFont="1" applyFill="1" applyBorder="1" applyAlignment="1">
      <alignment horizontal="center" vertical="center"/>
    </xf>
    <xf numFmtId="0" fontId="8" fillId="0" borderId="102" xfId="6" applyFont="1" applyFill="1" applyBorder="1" applyAlignment="1">
      <alignment horizontal="center" vertical="center"/>
    </xf>
    <xf numFmtId="38" fontId="8" fillId="0" borderId="61" xfId="2" applyFont="1" applyFill="1" applyBorder="1" applyAlignment="1">
      <alignment vertical="center"/>
    </xf>
    <xf numFmtId="0" fontId="8" fillId="0" borderId="15" xfId="6" applyFont="1" applyFill="1" applyBorder="1" applyAlignment="1">
      <alignment horizontal="center" vertical="center"/>
    </xf>
    <xf numFmtId="0" fontId="8" fillId="0" borderId="90" xfId="0" applyFont="1" applyFill="1" applyBorder="1" applyAlignment="1">
      <alignment horizontal="center" vertical="center"/>
    </xf>
    <xf numFmtId="0" fontId="8" fillId="0" borderId="91" xfId="0" applyFont="1" applyFill="1" applyBorder="1" applyAlignment="1">
      <alignment horizontal="center" vertical="center"/>
    </xf>
    <xf numFmtId="0" fontId="8" fillId="0" borderId="102" xfId="0" applyFont="1" applyFill="1" applyBorder="1" applyAlignment="1">
      <alignment horizontal="center" vertical="center"/>
    </xf>
    <xf numFmtId="0" fontId="8" fillId="0" borderId="15" xfId="0" applyFont="1" applyFill="1" applyBorder="1" applyAlignment="1">
      <alignment horizontal="center" vertical="center"/>
    </xf>
    <xf numFmtId="38" fontId="8" fillId="0" borderId="5" xfId="2" applyFont="1" applyFill="1" applyBorder="1" applyAlignment="1">
      <alignment horizontal="right" vertical="center"/>
    </xf>
    <xf numFmtId="38" fontId="8" fillId="0" borderId="37" xfId="2" applyFont="1" applyFill="1" applyBorder="1" applyAlignment="1">
      <alignment vertical="center"/>
    </xf>
    <xf numFmtId="176" fontId="8" fillId="0" borderId="0" xfId="0" applyNumberFormat="1" applyFont="1" applyFill="1" applyAlignment="1">
      <alignment vertical="center"/>
    </xf>
    <xf numFmtId="179" fontId="14" fillId="0" borderId="22" xfId="0" applyNumberFormat="1" applyFont="1" applyFill="1" applyBorder="1" applyAlignment="1">
      <alignment horizontal="center" vertical="center" wrapText="1"/>
    </xf>
    <xf numFmtId="179" fontId="14" fillId="0" borderId="45" xfId="0" applyNumberFormat="1" applyFont="1" applyFill="1" applyBorder="1" applyAlignment="1">
      <alignment horizontal="center" vertical="center" wrapText="1"/>
    </xf>
    <xf numFmtId="179" fontId="8" fillId="0" borderId="47" xfId="0" applyNumberFormat="1" applyFont="1" applyFill="1" applyBorder="1" applyAlignment="1">
      <alignment horizontal="center" vertical="center" wrapText="1"/>
    </xf>
    <xf numFmtId="179" fontId="11" fillId="0" borderId="22" xfId="0" applyNumberFormat="1" applyFont="1" applyFill="1" applyBorder="1" applyAlignment="1">
      <alignment horizontal="center" vertical="center" wrapText="1"/>
    </xf>
    <xf numFmtId="176" fontId="8" fillId="0" borderId="47" xfId="0" applyNumberFormat="1" applyFont="1" applyFill="1" applyBorder="1" applyAlignment="1">
      <alignment horizontal="center" vertical="center" wrapText="1"/>
    </xf>
    <xf numFmtId="176" fontId="8" fillId="0" borderId="7" xfId="0" applyNumberFormat="1" applyFont="1" applyFill="1" applyBorder="1" applyAlignment="1">
      <alignment horizontal="right" vertical="center"/>
    </xf>
    <xf numFmtId="176" fontId="8" fillId="0" borderId="47" xfId="0" applyNumberFormat="1" applyFont="1" applyFill="1" applyBorder="1" applyAlignment="1">
      <alignment horizontal="right" vertical="center"/>
    </xf>
    <xf numFmtId="176" fontId="8" fillId="0" borderId="8" xfId="0" applyNumberFormat="1" applyFont="1" applyFill="1" applyBorder="1" applyAlignment="1">
      <alignment horizontal="right" vertical="center"/>
    </xf>
    <xf numFmtId="179" fontId="8" fillId="0" borderId="24" xfId="2" applyNumberFormat="1" applyFont="1" applyFill="1" applyBorder="1" applyAlignment="1">
      <alignment horizontal="right" vertical="center"/>
    </xf>
    <xf numFmtId="179" fontId="8" fillId="0" borderId="0" xfId="0" applyNumberFormat="1" applyFont="1" applyFill="1" applyAlignment="1">
      <alignment horizontal="center" vertical="center"/>
    </xf>
    <xf numFmtId="179" fontId="11" fillId="0" borderId="0" xfId="0" applyNumberFormat="1" applyFont="1" applyFill="1" applyAlignment="1">
      <alignment vertical="center"/>
    </xf>
    <xf numFmtId="179" fontId="8" fillId="0" borderId="118" xfId="0" applyNumberFormat="1" applyFont="1" applyFill="1" applyBorder="1" applyAlignment="1">
      <alignment horizontal="center" vertical="center"/>
    </xf>
    <xf numFmtId="179" fontId="8" fillId="0" borderId="119" xfId="2" applyNumberFormat="1" applyFont="1" applyFill="1" applyBorder="1" applyAlignment="1">
      <alignment horizontal="right" vertical="center"/>
    </xf>
    <xf numFmtId="0" fontId="8" fillId="0" borderId="120" xfId="0" applyFont="1" applyFill="1" applyBorder="1" applyAlignment="1">
      <alignment horizontal="center" vertical="center"/>
    </xf>
    <xf numFmtId="0" fontId="15" fillId="0" borderId="17" xfId="0" applyFont="1" applyFill="1" applyBorder="1" applyAlignment="1">
      <alignment horizontal="center" vertical="center"/>
    </xf>
    <xf numFmtId="0" fontId="15" fillId="0" borderId="121" xfId="0" applyFont="1" applyFill="1" applyBorder="1" applyAlignment="1">
      <alignment horizontal="center" vertical="center"/>
    </xf>
    <xf numFmtId="0" fontId="15" fillId="0" borderId="122" xfId="0" applyFont="1" applyFill="1" applyBorder="1" applyAlignment="1">
      <alignment horizontal="center" vertical="center"/>
    </xf>
    <xf numFmtId="0" fontId="11" fillId="0" borderId="122" xfId="0" applyFont="1" applyFill="1" applyBorder="1" applyAlignment="1">
      <alignment horizontal="center" vertical="center" wrapText="1"/>
    </xf>
    <xf numFmtId="0" fontId="15" fillId="0" borderId="122" xfId="0" applyFont="1" applyFill="1" applyBorder="1" applyAlignment="1">
      <alignment horizontal="center" vertical="center" wrapText="1"/>
    </xf>
    <xf numFmtId="0" fontId="11" fillId="0" borderId="123" xfId="0" applyFont="1" applyFill="1" applyBorder="1" applyAlignment="1">
      <alignment horizontal="center" vertical="center" wrapText="1"/>
    </xf>
    <xf numFmtId="0" fontId="13" fillId="0" borderId="123" xfId="0" applyFont="1" applyFill="1" applyBorder="1" applyAlignment="1">
      <alignment horizontal="center" vertical="center" wrapText="1"/>
    </xf>
    <xf numFmtId="0" fontId="8" fillId="0" borderId="124" xfId="0" applyFont="1" applyFill="1" applyBorder="1" applyAlignment="1">
      <alignment horizontal="center" vertical="center" wrapText="1"/>
    </xf>
    <xf numFmtId="0" fontId="8" fillId="0" borderId="90" xfId="6" applyFont="1" applyFill="1" applyBorder="1" applyAlignment="1">
      <alignment horizontal="center" vertical="center"/>
    </xf>
    <xf numFmtId="38" fontId="8" fillId="0" borderId="7" xfId="2" applyFont="1" applyFill="1" applyBorder="1" applyAlignment="1">
      <alignment horizontal="right" vertical="center"/>
    </xf>
    <xf numFmtId="38" fontId="8" fillId="0" borderId="19" xfId="0" applyNumberFormat="1" applyFont="1" applyFill="1" applyBorder="1" applyAlignment="1">
      <alignment vertical="center"/>
    </xf>
    <xf numFmtId="38" fontId="8" fillId="0" borderId="59" xfId="0" applyNumberFormat="1" applyFont="1" applyFill="1" applyBorder="1" applyAlignment="1">
      <alignment vertical="center"/>
    </xf>
    <xf numFmtId="38" fontId="8" fillId="0" borderId="6" xfId="0" applyNumberFormat="1" applyFont="1" applyFill="1" applyBorder="1" applyAlignment="1">
      <alignment vertical="center"/>
    </xf>
    <xf numFmtId="38" fontId="8" fillId="0" borderId="5" xfId="0" applyNumberFormat="1" applyFont="1" applyFill="1" applyBorder="1" applyAlignment="1">
      <alignment vertical="center"/>
    </xf>
    <xf numFmtId="38" fontId="8" fillId="0" borderId="4" xfId="0" applyNumberFormat="1" applyFont="1" applyFill="1" applyBorder="1" applyAlignment="1">
      <alignment vertical="center"/>
    </xf>
    <xf numFmtId="38" fontId="8" fillId="0" borderId="39" xfId="2" applyFont="1" applyFill="1" applyBorder="1" applyAlignment="1">
      <alignment horizontal="right" vertical="center"/>
    </xf>
    <xf numFmtId="38" fontId="8" fillId="0" borderId="21" xfId="0" applyNumberFormat="1" applyFont="1" applyFill="1" applyBorder="1" applyAlignment="1">
      <alignment vertical="center"/>
    </xf>
    <xf numFmtId="38" fontId="8" fillId="0" borderId="60" xfId="0" applyNumberFormat="1" applyFont="1" applyFill="1" applyBorder="1" applyAlignment="1">
      <alignment vertical="center"/>
    </xf>
    <xf numFmtId="38" fontId="8" fillId="0" borderId="38" xfId="0" applyNumberFormat="1" applyFont="1" applyFill="1" applyBorder="1" applyAlignment="1">
      <alignment vertical="center"/>
    </xf>
    <xf numFmtId="38" fontId="8" fillId="0" borderId="37" xfId="0" applyNumberFormat="1" applyFont="1" applyFill="1" applyBorder="1" applyAlignment="1">
      <alignment vertical="center"/>
    </xf>
    <xf numFmtId="38" fontId="8" fillId="0" borderId="36" xfId="0" applyNumberFormat="1" applyFont="1" applyFill="1" applyBorder="1" applyAlignment="1">
      <alignment vertical="center"/>
    </xf>
    <xf numFmtId="38" fontId="8" fillId="0" borderId="43" xfId="2" applyFont="1" applyFill="1" applyBorder="1" applyAlignment="1">
      <alignment horizontal="right" vertical="center"/>
    </xf>
    <xf numFmtId="38" fontId="8" fillId="0" borderId="22" xfId="0" applyNumberFormat="1" applyFont="1" applyFill="1" applyBorder="1" applyAlignment="1">
      <alignment vertical="center"/>
    </xf>
    <xf numFmtId="38" fontId="8" fillId="0" borderId="125" xfId="0" applyNumberFormat="1" applyFont="1" applyFill="1" applyBorder="1" applyAlignment="1">
      <alignment vertical="center"/>
    </xf>
    <xf numFmtId="38" fontId="8" fillId="0" borderId="46" xfId="0" applyNumberFormat="1" applyFont="1" applyFill="1" applyBorder="1" applyAlignment="1">
      <alignment vertical="center"/>
    </xf>
    <xf numFmtId="38" fontId="8" fillId="0" borderId="45" xfId="0" applyNumberFormat="1" applyFont="1" applyFill="1" applyBorder="1" applyAlignment="1">
      <alignment vertical="center"/>
    </xf>
    <xf numFmtId="38" fontId="8" fillId="0" borderId="44" xfId="0" applyNumberFormat="1" applyFont="1" applyFill="1" applyBorder="1" applyAlignment="1">
      <alignment vertical="center"/>
    </xf>
    <xf numFmtId="0" fontId="8" fillId="0" borderId="31" xfId="0" applyFont="1" applyFill="1" applyBorder="1" applyAlignment="1">
      <alignment horizontal="center" vertical="center"/>
    </xf>
    <xf numFmtId="0" fontId="8" fillId="0" borderId="126" xfId="0" applyFont="1" applyFill="1" applyBorder="1" applyAlignment="1">
      <alignment vertical="center"/>
    </xf>
    <xf numFmtId="0" fontId="8" fillId="0" borderId="0" xfId="0" applyFont="1" applyFill="1" applyAlignment="1">
      <alignment horizontal="center" vertical="center"/>
    </xf>
    <xf numFmtId="0" fontId="8" fillId="0" borderId="16" xfId="0" applyFont="1" applyFill="1" applyBorder="1" applyAlignment="1">
      <alignment horizontal="center" vertical="center" wrapText="1"/>
    </xf>
    <xf numFmtId="0" fontId="8" fillId="0" borderId="121" xfId="0" applyFont="1" applyFill="1" applyBorder="1" applyAlignment="1">
      <alignment horizontal="center" vertical="center" wrapText="1"/>
    </xf>
    <xf numFmtId="0" fontId="8" fillId="0" borderId="123" xfId="0" applyFont="1" applyFill="1" applyBorder="1" applyAlignment="1">
      <alignment horizontal="center" vertical="center"/>
    </xf>
    <xf numFmtId="0" fontId="8" fillId="0" borderId="124" xfId="0" applyFont="1" applyFill="1" applyBorder="1" applyAlignment="1">
      <alignment horizontal="center" vertical="center"/>
    </xf>
    <xf numFmtId="0" fontId="8" fillId="0" borderId="122" xfId="0" applyFont="1" applyFill="1" applyBorder="1" applyAlignment="1">
      <alignment horizontal="center" vertical="center" wrapText="1"/>
    </xf>
    <xf numFmtId="0" fontId="8" fillId="0" borderId="14" xfId="0" applyFont="1" applyFill="1" applyBorder="1" applyAlignment="1">
      <alignment vertical="center"/>
    </xf>
    <xf numFmtId="0" fontId="8" fillId="0" borderId="127" xfId="0" applyFont="1" applyFill="1" applyBorder="1" applyAlignment="1">
      <alignment horizontal="center" vertical="center"/>
    </xf>
    <xf numFmtId="0" fontId="8" fillId="0" borderId="17" xfId="0" applyFont="1" applyFill="1" applyBorder="1" applyAlignment="1">
      <alignment horizontal="center" vertical="center"/>
    </xf>
    <xf numFmtId="38" fontId="8" fillId="0" borderId="0" xfId="0" applyNumberFormat="1" applyFont="1" applyFill="1" applyAlignment="1">
      <alignment vertical="center"/>
    </xf>
    <xf numFmtId="0" fontId="15" fillId="0" borderId="91" xfId="6" applyFont="1" applyFill="1" applyBorder="1" applyAlignment="1">
      <alignment horizontal="center" vertical="center"/>
    </xf>
    <xf numFmtId="0" fontId="15" fillId="0" borderId="0" xfId="0" applyFont="1" applyFill="1" applyAlignment="1">
      <alignment horizontal="center" vertical="center"/>
    </xf>
    <xf numFmtId="0" fontId="8" fillId="0" borderId="22" xfId="9" applyFont="1" applyFill="1" applyBorder="1" applyAlignment="1">
      <alignment horizontal="center" vertical="center" wrapText="1"/>
    </xf>
    <xf numFmtId="0" fontId="8" fillId="0" borderId="117" xfId="9" applyFont="1" applyFill="1" applyBorder="1" applyAlignment="1">
      <alignment horizontal="center" vertical="center" wrapText="1"/>
    </xf>
    <xf numFmtId="0" fontId="8" fillId="0" borderId="83" xfId="0" applyFont="1" applyFill="1" applyBorder="1" applyAlignment="1">
      <alignment horizontal="center" vertical="center" wrapText="1"/>
    </xf>
    <xf numFmtId="0" fontId="8" fillId="0" borderId="108" xfId="0" applyFont="1" applyFill="1" applyBorder="1" applyAlignment="1">
      <alignment horizontal="center" vertical="center" wrapText="1"/>
    </xf>
    <xf numFmtId="0" fontId="8" fillId="0" borderId="47" xfId="9" applyFont="1" applyFill="1" applyBorder="1" applyAlignment="1">
      <alignment horizontal="center" vertical="center" wrapText="1"/>
    </xf>
    <xf numFmtId="38" fontId="15" fillId="0" borderId="0" xfId="0" applyNumberFormat="1" applyFont="1" applyFill="1" applyAlignment="1">
      <alignment horizontal="center" vertical="center"/>
    </xf>
    <xf numFmtId="0" fontId="8" fillId="0" borderId="0" xfId="0" applyFont="1" applyFill="1" applyAlignment="1">
      <alignment horizontal="left" vertical="center"/>
    </xf>
    <xf numFmtId="0" fontId="8" fillId="0" borderId="17" xfId="0" applyFont="1" applyFill="1" applyBorder="1" applyAlignment="1">
      <alignment horizontal="center" vertical="center" wrapText="1"/>
    </xf>
    <xf numFmtId="0" fontId="8" fillId="0" borderId="20" xfId="0" applyFont="1" applyFill="1" applyBorder="1" applyAlignment="1">
      <alignment horizontal="center" vertical="center"/>
    </xf>
    <xf numFmtId="0" fontId="8" fillId="0" borderId="7" xfId="0" applyFont="1" applyFill="1" applyBorder="1" applyAlignment="1">
      <alignment horizontal="right" vertical="center"/>
    </xf>
    <xf numFmtId="0" fontId="8" fillId="0" borderId="21" xfId="0" applyFont="1" applyFill="1" applyBorder="1" applyAlignment="1">
      <alignment horizontal="center" vertical="center"/>
    </xf>
    <xf numFmtId="0" fontId="8" fillId="0" borderId="39" xfId="0" applyFont="1" applyFill="1" applyBorder="1" applyAlignment="1">
      <alignment horizontal="right" vertical="center"/>
    </xf>
    <xf numFmtId="0" fontId="8" fillId="0" borderId="22" xfId="0" applyFont="1" applyFill="1" applyBorder="1" applyAlignment="1">
      <alignment horizontal="center" vertical="center"/>
    </xf>
    <xf numFmtId="0" fontId="8" fillId="0" borderId="47" xfId="0" applyFont="1" applyFill="1" applyBorder="1" applyAlignment="1">
      <alignment horizontal="right" vertical="center"/>
    </xf>
    <xf numFmtId="0" fontId="8" fillId="0" borderId="24" xfId="0" applyFont="1" applyFill="1" applyBorder="1" applyAlignment="1">
      <alignment horizontal="center" vertical="center"/>
    </xf>
    <xf numFmtId="0" fontId="8" fillId="0" borderId="89" xfId="0" applyFont="1" applyFill="1" applyBorder="1" applyAlignment="1">
      <alignment horizontal="right" vertical="center"/>
    </xf>
    <xf numFmtId="0" fontId="8" fillId="0" borderId="5" xfId="0" applyFont="1" applyFill="1" applyBorder="1" applyAlignment="1">
      <alignment vertical="center"/>
    </xf>
    <xf numFmtId="0" fontId="8" fillId="0" borderId="57" xfId="0" applyFont="1" applyFill="1" applyBorder="1" applyAlignment="1">
      <alignment vertical="center"/>
    </xf>
    <xf numFmtId="0" fontId="8" fillId="0" borderId="5" xfId="0" applyFont="1" applyFill="1" applyBorder="1" applyAlignment="1">
      <alignment horizontal="right" vertical="center"/>
    </xf>
    <xf numFmtId="0" fontId="8" fillId="0" borderId="37" xfId="0" applyFont="1" applyFill="1" applyBorder="1" applyAlignment="1">
      <alignment vertical="center"/>
    </xf>
    <xf numFmtId="0" fontId="8" fillId="0" borderId="39" xfId="0" applyFont="1" applyFill="1" applyBorder="1" applyAlignment="1">
      <alignment vertical="center"/>
    </xf>
    <xf numFmtId="0" fontId="8" fillId="0" borderId="37" xfId="0" applyFont="1" applyFill="1" applyBorder="1" applyAlignment="1">
      <alignment horizontal="right" vertical="center"/>
    </xf>
    <xf numFmtId="0" fontId="8" fillId="0" borderId="45" xfId="0" applyFont="1" applyFill="1" applyBorder="1" applyAlignment="1">
      <alignment vertical="center"/>
    </xf>
    <xf numFmtId="0" fontId="8" fillId="0" borderId="47" xfId="0" applyFont="1" applyFill="1" applyBorder="1" applyAlignment="1">
      <alignment vertical="center"/>
    </xf>
    <xf numFmtId="0" fontId="8" fillId="0" borderId="45" xfId="0" applyFont="1" applyFill="1" applyBorder="1" applyAlignment="1">
      <alignment horizontal="right" vertical="center"/>
    </xf>
    <xf numFmtId="0" fontId="8" fillId="0" borderId="19" xfId="0" applyFont="1" applyFill="1" applyBorder="1" applyAlignment="1">
      <alignment horizontal="center" vertical="center"/>
    </xf>
    <xf numFmtId="0" fontId="8" fillId="0" borderId="75" xfId="0" applyFont="1" applyFill="1" applyBorder="1" applyAlignment="1">
      <alignment vertical="center"/>
    </xf>
    <xf numFmtId="0" fontId="8" fillId="0" borderId="75" xfId="0" applyFont="1" applyFill="1" applyBorder="1" applyAlignment="1">
      <alignment horizontal="right" vertical="center"/>
    </xf>
    <xf numFmtId="0" fontId="8" fillId="0" borderId="129" xfId="0" applyFont="1" applyFill="1" applyBorder="1" applyAlignment="1">
      <alignment horizontal="right" vertical="center"/>
    </xf>
    <xf numFmtId="0" fontId="8" fillId="0" borderId="57" xfId="0" applyFont="1" applyFill="1" applyBorder="1" applyAlignment="1">
      <alignment horizontal="right" vertical="center"/>
    </xf>
    <xf numFmtId="176" fontId="8" fillId="0" borderId="93" xfId="3" applyNumberFormat="1" applyFont="1" applyFill="1" applyBorder="1" applyAlignment="1">
      <alignment horizontal="right" vertical="center"/>
    </xf>
    <xf numFmtId="176" fontId="8" fillId="0" borderId="89" xfId="3" applyNumberFormat="1" applyFont="1" applyFill="1" applyBorder="1" applyAlignment="1">
      <alignment horizontal="right" vertical="center"/>
    </xf>
    <xf numFmtId="0" fontId="8" fillId="0" borderId="13" xfId="0" applyFont="1" applyFill="1" applyBorder="1" applyAlignment="1">
      <alignment vertical="center"/>
    </xf>
    <xf numFmtId="0" fontId="8" fillId="0" borderId="10" xfId="0" applyFont="1" applyFill="1" applyBorder="1" applyAlignment="1">
      <alignment vertical="center"/>
    </xf>
    <xf numFmtId="0" fontId="8" fillId="0" borderId="11" xfId="0" applyFont="1" applyFill="1" applyBorder="1" applyAlignment="1">
      <alignment vertical="center"/>
    </xf>
    <xf numFmtId="0" fontId="8" fillId="0" borderId="27" xfId="0" applyFont="1" applyFill="1" applyBorder="1" applyAlignment="1">
      <alignment vertical="center"/>
    </xf>
    <xf numFmtId="0" fontId="8" fillId="0" borderId="15" xfId="0" applyFont="1" applyFill="1" applyBorder="1" applyAlignment="1">
      <alignment vertical="center"/>
    </xf>
    <xf numFmtId="0" fontId="8" fillId="0" borderId="12" xfId="0" applyFont="1" applyFill="1" applyBorder="1" applyAlignment="1">
      <alignment vertical="center"/>
    </xf>
    <xf numFmtId="0" fontId="8" fillId="0" borderId="28" xfId="0" applyFont="1" applyFill="1" applyBorder="1" applyAlignment="1">
      <alignment vertical="center"/>
    </xf>
    <xf numFmtId="0" fontId="8" fillId="0" borderId="123" xfId="0" applyFont="1" applyFill="1" applyBorder="1" applyAlignment="1">
      <alignment horizontal="center" vertical="center" wrapText="1"/>
    </xf>
    <xf numFmtId="0" fontId="8" fillId="0" borderId="41" xfId="0" applyFont="1" applyFill="1" applyBorder="1" applyAlignment="1">
      <alignment horizontal="right" vertical="center"/>
    </xf>
    <xf numFmtId="0" fontId="8" fillId="0" borderId="43" xfId="0" applyFont="1" applyFill="1" applyBorder="1" applyAlignment="1">
      <alignment horizontal="right" vertical="center"/>
    </xf>
    <xf numFmtId="0" fontId="11" fillId="0" borderId="24" xfId="0" applyFont="1" applyFill="1" applyBorder="1" applyAlignment="1">
      <alignment horizontal="center" vertical="center"/>
    </xf>
    <xf numFmtId="179" fontId="8" fillId="0" borderId="45" xfId="0" applyNumberFormat="1" applyFont="1" applyFill="1" applyBorder="1" applyAlignment="1">
      <alignment horizontal="center" vertical="center" wrapText="1"/>
    </xf>
    <xf numFmtId="179" fontId="8" fillId="0" borderId="44" xfId="0" applyNumberFormat="1" applyFont="1" applyFill="1" applyBorder="1" applyAlignment="1">
      <alignment horizontal="center" vertical="center" wrapText="1"/>
    </xf>
    <xf numFmtId="179" fontId="8" fillId="0" borderId="51" xfId="0" applyNumberFormat="1" applyFont="1" applyFill="1" applyBorder="1" applyAlignment="1">
      <alignment horizontal="right" vertical="center"/>
    </xf>
    <xf numFmtId="179" fontId="8" fillId="0" borderId="36" xfId="2" applyNumberFormat="1" applyFont="1" applyFill="1" applyBorder="1" applyAlignment="1">
      <alignment vertical="center"/>
    </xf>
    <xf numFmtId="179" fontId="8" fillId="0" borderId="53" xfId="0" applyNumberFormat="1" applyFont="1" applyFill="1" applyBorder="1" applyAlignment="1">
      <alignment horizontal="right" vertical="center"/>
    </xf>
    <xf numFmtId="179" fontId="8" fillId="0" borderId="44" xfId="2" applyNumberFormat="1" applyFont="1" applyFill="1" applyBorder="1" applyAlignment="1">
      <alignment vertical="center"/>
    </xf>
    <xf numFmtId="179" fontId="8" fillId="0" borderId="56" xfId="0" applyNumberFormat="1" applyFont="1" applyFill="1" applyBorder="1" applyAlignment="1">
      <alignment horizontal="right" vertical="center"/>
    </xf>
    <xf numFmtId="179" fontId="8" fillId="0" borderId="99" xfId="0" applyNumberFormat="1" applyFont="1" applyFill="1" applyBorder="1" applyAlignment="1">
      <alignment horizontal="center" vertical="center"/>
    </xf>
    <xf numFmtId="179" fontId="8" fillId="0" borderId="91" xfId="0" applyNumberFormat="1" applyFont="1" applyFill="1" applyBorder="1" applyAlignment="1">
      <alignment horizontal="center" vertical="center"/>
    </xf>
    <xf numFmtId="179" fontId="8" fillId="0" borderId="102" xfId="0" applyNumberFormat="1" applyFont="1" applyFill="1" applyBorder="1" applyAlignment="1">
      <alignment horizontal="center" vertical="center"/>
    </xf>
    <xf numFmtId="179" fontId="8" fillId="0" borderId="15" xfId="0" applyNumberFormat="1" applyFont="1" applyFill="1" applyBorder="1" applyAlignment="1">
      <alignment horizontal="center" vertical="center"/>
    </xf>
    <xf numFmtId="179" fontId="13" fillId="0" borderId="0" xfId="0" applyNumberFormat="1" applyFont="1" applyFill="1" applyAlignment="1">
      <alignment vertical="center"/>
    </xf>
    <xf numFmtId="0" fontId="8" fillId="0" borderId="18" xfId="0" applyFont="1" applyFill="1" applyBorder="1" applyAlignment="1">
      <alignment horizontal="center" vertical="center" wrapText="1"/>
    </xf>
    <xf numFmtId="0" fontId="8" fillId="0" borderId="16" xfId="0" applyFont="1" applyFill="1" applyBorder="1" applyAlignment="1">
      <alignment horizontal="center" vertical="center"/>
    </xf>
    <xf numFmtId="0" fontId="8" fillId="0" borderId="51" xfId="0" applyFont="1" applyFill="1" applyBorder="1" applyAlignment="1">
      <alignment horizontal="center" vertical="center"/>
    </xf>
    <xf numFmtId="0" fontId="8" fillId="0" borderId="52" xfId="0" applyFont="1" applyFill="1" applyBorder="1" applyAlignment="1">
      <alignment horizontal="center" vertical="center"/>
    </xf>
    <xf numFmtId="0" fontId="8" fillId="0" borderId="53" xfId="0" applyFont="1" applyFill="1" applyBorder="1" applyAlignment="1">
      <alignment horizontal="center" vertical="center"/>
    </xf>
    <xf numFmtId="0" fontId="8" fillId="0" borderId="65" xfId="0" applyFont="1" applyFill="1" applyBorder="1" applyAlignment="1">
      <alignment horizontal="center" vertical="center"/>
    </xf>
    <xf numFmtId="0" fontId="11" fillId="0" borderId="0" xfId="0" applyFont="1" applyFill="1" applyAlignment="1">
      <alignment vertical="center"/>
    </xf>
    <xf numFmtId="0" fontId="13" fillId="0" borderId="0" xfId="0" applyFont="1" applyFill="1" applyAlignment="1">
      <alignment vertical="center"/>
    </xf>
    <xf numFmtId="179" fontId="12" fillId="0" borderId="0" xfId="1" applyNumberFormat="1" applyFont="1" applyFill="1" applyAlignment="1">
      <alignment horizontal="left" vertical="center"/>
    </xf>
    <xf numFmtId="179" fontId="8" fillId="0" borderId="0" xfId="1" applyNumberFormat="1" applyFont="1" applyFill="1" applyAlignment="1">
      <alignment horizontal="left" vertical="center"/>
    </xf>
    <xf numFmtId="179" fontId="7" fillId="0" borderId="0" xfId="1" applyNumberFormat="1" applyFont="1" applyFill="1" applyAlignment="1">
      <alignment horizontal="left" vertical="center"/>
    </xf>
    <xf numFmtId="179" fontId="8" fillId="0" borderId="120" xfId="1" applyNumberFormat="1" applyFont="1" applyFill="1" applyBorder="1" applyAlignment="1">
      <alignment horizontal="center" vertical="center"/>
    </xf>
    <xf numFmtId="179" fontId="8" fillId="0" borderId="16" xfId="1" applyNumberFormat="1" applyFont="1" applyFill="1" applyBorder="1" applyAlignment="1">
      <alignment horizontal="center" vertical="center"/>
    </xf>
    <xf numFmtId="179" fontId="11" fillId="0" borderId="123" xfId="8" applyNumberFormat="1" applyFont="1" applyFill="1" applyBorder="1" applyAlignment="1">
      <alignment horizontal="center" vertical="center" wrapText="1"/>
    </xf>
    <xf numFmtId="179" fontId="14" fillId="0" borderId="122" xfId="8" applyNumberFormat="1" applyFont="1" applyFill="1" applyBorder="1" applyAlignment="1">
      <alignment horizontal="center" vertical="center" wrapText="1"/>
    </xf>
    <xf numFmtId="179" fontId="11" fillId="0" borderId="113" xfId="1" applyNumberFormat="1" applyFont="1" applyFill="1" applyBorder="1" applyAlignment="1">
      <alignment horizontal="center" vertical="center" wrapText="1"/>
    </xf>
    <xf numFmtId="179" fontId="11" fillId="0" borderId="0" xfId="1" applyNumberFormat="1" applyFont="1" applyFill="1" applyAlignment="1">
      <alignment horizontal="center" vertical="center" wrapText="1"/>
    </xf>
    <xf numFmtId="179" fontId="8" fillId="0" borderId="99" xfId="1" applyNumberFormat="1" applyFont="1" applyFill="1" applyBorder="1" applyAlignment="1">
      <alignment horizontal="center" vertical="center"/>
    </xf>
    <xf numFmtId="179" fontId="8" fillId="0" borderId="20" xfId="1" applyNumberFormat="1" applyFont="1" applyFill="1" applyBorder="1" applyAlignment="1">
      <alignment horizontal="right" vertical="center"/>
    </xf>
    <xf numFmtId="179" fontId="8" fillId="0" borderId="0" xfId="1" applyNumberFormat="1" applyFont="1" applyFill="1" applyAlignment="1">
      <alignment vertical="center" wrapText="1"/>
    </xf>
    <xf numFmtId="179" fontId="8" fillId="0" borderId="90" xfId="1" applyNumberFormat="1" applyFont="1" applyFill="1" applyBorder="1" applyAlignment="1">
      <alignment horizontal="center" vertical="center"/>
    </xf>
    <xf numFmtId="179" fontId="8" fillId="0" borderId="6" xfId="1" applyNumberFormat="1" applyFont="1" applyFill="1" applyBorder="1" applyAlignment="1">
      <alignment horizontal="right" vertical="center"/>
    </xf>
    <xf numFmtId="179" fontId="8" fillId="0" borderId="91" xfId="1" applyNumberFormat="1" applyFont="1" applyFill="1" applyBorder="1" applyAlignment="1">
      <alignment horizontal="center" vertical="center"/>
    </xf>
    <xf numFmtId="179" fontId="8" fillId="0" borderId="21" xfId="1" applyNumberFormat="1" applyFont="1" applyFill="1" applyBorder="1" applyAlignment="1">
      <alignment horizontal="right" vertical="center"/>
    </xf>
    <xf numFmtId="179" fontId="8" fillId="0" borderId="38" xfId="1" applyNumberFormat="1" applyFont="1" applyFill="1" applyBorder="1" applyAlignment="1">
      <alignment horizontal="right" vertical="center"/>
    </xf>
    <xf numFmtId="179" fontId="8" fillId="0" borderId="102" xfId="1" applyNumberFormat="1" applyFont="1" applyFill="1" applyBorder="1" applyAlignment="1">
      <alignment horizontal="center" vertical="center"/>
    </xf>
    <xf numFmtId="179" fontId="8" fillId="0" borderId="3" xfId="1" applyNumberFormat="1" applyFont="1" applyFill="1" applyBorder="1" applyAlignment="1">
      <alignment horizontal="center" vertical="center"/>
    </xf>
    <xf numFmtId="179" fontId="8" fillId="0" borderId="0" xfId="1" applyNumberFormat="1" applyFont="1" applyFill="1" applyAlignment="1">
      <alignment vertical="center"/>
    </xf>
    <xf numFmtId="179" fontId="8" fillId="0" borderId="0" xfId="1" applyNumberFormat="1" applyFont="1" applyFill="1" applyAlignment="1">
      <alignment horizontal="center" vertical="center"/>
    </xf>
    <xf numFmtId="179" fontId="8" fillId="0" borderId="22" xfId="1" applyNumberFormat="1" applyFont="1" applyFill="1" applyBorder="1" applyAlignment="1">
      <alignment horizontal="right" vertical="center"/>
    </xf>
    <xf numFmtId="179" fontId="8" fillId="0" borderId="45" xfId="1" applyNumberFormat="1" applyFont="1" applyFill="1" applyBorder="1" applyAlignment="1">
      <alignment horizontal="right" vertical="center"/>
    </xf>
    <xf numFmtId="179" fontId="8" fillId="0" borderId="15" xfId="1" applyNumberFormat="1" applyFont="1" applyFill="1" applyBorder="1" applyAlignment="1">
      <alignment horizontal="center" vertical="center"/>
    </xf>
    <xf numFmtId="179" fontId="8" fillId="0" borderId="31" xfId="1" applyNumberFormat="1" applyFont="1" applyFill="1" applyBorder="1" applyAlignment="1">
      <alignment horizontal="right" vertical="center"/>
    </xf>
    <xf numFmtId="179" fontId="8" fillId="0" borderId="2" xfId="1" applyNumberFormat="1" applyFont="1" applyFill="1" applyBorder="1" applyAlignment="1">
      <alignment horizontal="right" vertical="center"/>
    </xf>
    <xf numFmtId="179" fontId="8" fillId="0" borderId="74" xfId="1" applyNumberFormat="1" applyFont="1" applyFill="1" applyBorder="1" applyAlignment="1">
      <alignment horizontal="right" vertical="center"/>
    </xf>
    <xf numFmtId="179" fontId="8" fillId="0" borderId="120" xfId="0" applyNumberFormat="1" applyFont="1" applyFill="1" applyBorder="1" applyAlignment="1">
      <alignment vertical="center"/>
    </xf>
    <xf numFmtId="179" fontId="8" fillId="0" borderId="127" xfId="0" applyNumberFormat="1" applyFont="1" applyFill="1" applyBorder="1" applyAlignment="1">
      <alignment vertical="center"/>
    </xf>
    <xf numFmtId="179" fontId="8" fillId="0" borderId="113" xfId="0" applyNumberFormat="1" applyFont="1" applyFill="1" applyBorder="1" applyAlignment="1">
      <alignment vertical="center"/>
    </xf>
    <xf numFmtId="179" fontId="8" fillId="0" borderId="18" xfId="0" applyNumberFormat="1" applyFont="1" applyFill="1" applyBorder="1" applyAlignment="1">
      <alignment horizontal="center" vertical="center"/>
    </xf>
    <xf numFmtId="179" fontId="8" fillId="0" borderId="90" xfId="0" applyNumberFormat="1" applyFont="1" applyFill="1" applyBorder="1" applyAlignment="1">
      <alignment horizontal="left" vertical="center"/>
    </xf>
    <xf numFmtId="179" fontId="8" fillId="0" borderId="133" xfId="0" applyNumberFormat="1" applyFont="1" applyFill="1" applyBorder="1" applyAlignment="1">
      <alignment horizontal="left" vertical="center"/>
    </xf>
    <xf numFmtId="179" fontId="8" fillId="0" borderId="59" xfId="0" applyNumberFormat="1" applyFont="1" applyFill="1" applyBorder="1" applyAlignment="1">
      <alignment horizontal="left" vertical="center"/>
    </xf>
    <xf numFmtId="179" fontId="8" fillId="0" borderId="51" xfId="0" applyNumberFormat="1" applyFont="1" applyFill="1" applyBorder="1" applyAlignment="1">
      <alignment vertical="center"/>
    </xf>
    <xf numFmtId="179" fontId="8" fillId="0" borderId="91" xfId="0" applyNumberFormat="1" applyFont="1" applyFill="1" applyBorder="1" applyAlignment="1">
      <alignment horizontal="left" vertical="center"/>
    </xf>
    <xf numFmtId="179" fontId="8" fillId="0" borderId="60" xfId="0" applyNumberFormat="1" applyFont="1" applyFill="1" applyBorder="1" applyAlignment="1">
      <alignment horizontal="left" vertical="center"/>
    </xf>
    <xf numFmtId="179" fontId="8" fillId="0" borderId="52" xfId="0" applyNumberFormat="1" applyFont="1" applyFill="1" applyBorder="1" applyAlignment="1">
      <alignment vertical="center"/>
    </xf>
    <xf numFmtId="179" fontId="8" fillId="0" borderId="110" xfId="0" applyNumberFormat="1" applyFont="1" applyFill="1" applyBorder="1" applyAlignment="1">
      <alignment horizontal="left" vertical="center"/>
    </xf>
    <xf numFmtId="179" fontId="8" fillId="0" borderId="125" xfId="0" applyNumberFormat="1" applyFont="1" applyFill="1" applyBorder="1" applyAlignment="1">
      <alignment horizontal="left" vertical="center"/>
    </xf>
    <xf numFmtId="179" fontId="8" fillId="0" borderId="125" xfId="0" applyNumberFormat="1" applyFont="1" applyFill="1" applyBorder="1" applyAlignment="1">
      <alignment horizontal="left" vertical="center" wrapText="1" shrinkToFit="1"/>
    </xf>
    <xf numFmtId="179" fontId="8" fillId="0" borderId="0" xfId="1" applyNumberFormat="1" applyFont="1" applyFill="1" applyAlignment="1">
      <alignment horizontal="right" vertical="center"/>
    </xf>
    <xf numFmtId="179" fontId="8" fillId="0" borderId="102" xfId="0" applyNumberFormat="1" applyFont="1" applyFill="1" applyBorder="1" applyAlignment="1">
      <alignment horizontal="left" vertical="center"/>
    </xf>
    <xf numFmtId="179" fontId="8" fillId="0" borderId="61" xfId="0" applyNumberFormat="1" applyFont="1" applyFill="1" applyBorder="1" applyAlignment="1">
      <alignment horizontal="left" vertical="center"/>
    </xf>
    <xf numFmtId="179" fontId="8" fillId="0" borderId="53" xfId="0" applyNumberFormat="1" applyFont="1" applyFill="1" applyBorder="1" applyAlignment="1">
      <alignment vertical="center"/>
    </xf>
    <xf numFmtId="179" fontId="8" fillId="0" borderId="3" xfId="0" applyNumberFormat="1" applyFont="1" applyFill="1" applyBorder="1" applyAlignment="1">
      <alignment horizontal="left" vertical="center"/>
    </xf>
    <xf numFmtId="179" fontId="8" fillId="0" borderId="32" xfId="0" applyNumberFormat="1" applyFont="1" applyFill="1" applyBorder="1" applyAlignment="1">
      <alignment vertical="center"/>
    </xf>
    <xf numFmtId="179" fontId="8" fillId="0" borderId="74" xfId="0" applyNumberFormat="1" applyFont="1" applyFill="1" applyBorder="1" applyAlignment="1">
      <alignment horizontal="right" vertical="center"/>
    </xf>
    <xf numFmtId="179" fontId="8" fillId="0" borderId="120" xfId="0" applyNumberFormat="1" applyFont="1" applyFill="1" applyBorder="1" applyAlignment="1">
      <alignment horizontal="left" vertical="center"/>
    </xf>
    <xf numFmtId="179" fontId="8" fillId="0" borderId="114" xfId="0" applyNumberFormat="1" applyFont="1" applyFill="1" applyBorder="1" applyAlignment="1">
      <alignment vertical="center"/>
    </xf>
    <xf numFmtId="179" fontId="8" fillId="0" borderId="50" xfId="0" applyNumberFormat="1" applyFont="1" applyFill="1" applyBorder="1" applyAlignment="1">
      <alignment vertical="center"/>
    </xf>
    <xf numFmtId="179" fontId="8" fillId="0" borderId="115" xfId="0" applyNumberFormat="1" applyFont="1" applyFill="1" applyBorder="1" applyAlignment="1">
      <alignment horizontal="right" vertical="center"/>
    </xf>
    <xf numFmtId="179" fontId="8" fillId="0" borderId="15" xfId="0" applyNumberFormat="1" applyFont="1" applyFill="1" applyBorder="1" applyAlignment="1">
      <alignment vertical="center"/>
    </xf>
    <xf numFmtId="179" fontId="8" fillId="0" borderId="12" xfId="0" applyNumberFormat="1" applyFont="1" applyFill="1" applyBorder="1" applyAlignment="1">
      <alignment vertical="center"/>
    </xf>
    <xf numFmtId="179" fontId="8" fillId="0" borderId="12" xfId="1" applyNumberFormat="1" applyFont="1" applyFill="1" applyBorder="1" applyAlignment="1">
      <alignment horizontal="right" vertical="center"/>
    </xf>
    <xf numFmtId="179" fontId="8" fillId="0" borderId="134" xfId="1" applyNumberFormat="1" applyFont="1" applyFill="1" applyBorder="1" applyAlignment="1">
      <alignment horizontal="right" vertical="center"/>
    </xf>
    <xf numFmtId="179" fontId="13" fillId="0" borderId="17" xfId="1" applyNumberFormat="1" applyFont="1" applyFill="1" applyBorder="1" applyAlignment="1">
      <alignment horizontal="center" vertical="center" wrapText="1"/>
    </xf>
    <xf numFmtId="179" fontId="8" fillId="0" borderId="20" xfId="1" applyNumberFormat="1" applyFont="1" applyFill="1" applyBorder="1" applyAlignment="1">
      <alignment horizontal="center" vertical="center"/>
    </xf>
    <xf numFmtId="179" fontId="8" fillId="0" borderId="7" xfId="1" applyNumberFormat="1" applyFont="1" applyFill="1" applyBorder="1" applyAlignment="1">
      <alignment horizontal="right" vertical="center"/>
    </xf>
    <xf numFmtId="179" fontId="8" fillId="0" borderId="21" xfId="1" applyNumberFormat="1" applyFont="1" applyFill="1" applyBorder="1" applyAlignment="1">
      <alignment horizontal="center" vertical="center"/>
    </xf>
    <xf numFmtId="179" fontId="8" fillId="0" borderId="39" xfId="1" applyNumberFormat="1" applyFont="1" applyFill="1" applyBorder="1" applyAlignment="1">
      <alignment horizontal="right" vertical="center"/>
    </xf>
    <xf numFmtId="179" fontId="8" fillId="0" borderId="22" xfId="1" applyNumberFormat="1" applyFont="1" applyFill="1" applyBorder="1" applyAlignment="1">
      <alignment horizontal="center" vertical="center"/>
    </xf>
    <xf numFmtId="179" fontId="8" fillId="0" borderId="47" xfId="1" applyNumberFormat="1" applyFont="1" applyFill="1" applyBorder="1" applyAlignment="1">
      <alignment horizontal="right" vertical="center"/>
    </xf>
    <xf numFmtId="179" fontId="8" fillId="0" borderId="24" xfId="1" applyNumberFormat="1" applyFont="1" applyFill="1" applyBorder="1" applyAlignment="1">
      <alignment horizontal="center" vertical="center"/>
    </xf>
    <xf numFmtId="179" fontId="8" fillId="0" borderId="89" xfId="1" applyNumberFormat="1" applyFont="1" applyFill="1" applyBorder="1" applyAlignment="1">
      <alignment horizontal="right" vertical="center"/>
    </xf>
    <xf numFmtId="179" fontId="8" fillId="0" borderId="12" xfId="1" applyNumberFormat="1" applyFont="1" applyFill="1" applyBorder="1" applyAlignment="1">
      <alignment vertical="center"/>
    </xf>
    <xf numFmtId="179" fontId="8" fillId="0" borderId="123" xfId="1" applyNumberFormat="1" applyFont="1" applyFill="1" applyBorder="1" applyAlignment="1">
      <alignment horizontal="center" vertical="center"/>
    </xf>
    <xf numFmtId="179" fontId="8" fillId="0" borderId="122" xfId="1" applyNumberFormat="1" applyFont="1" applyFill="1" applyBorder="1" applyAlignment="1">
      <alignment horizontal="center" vertical="center"/>
    </xf>
    <xf numFmtId="179" fontId="8" fillId="0" borderId="112" xfId="1" applyNumberFormat="1" applyFont="1" applyFill="1" applyBorder="1" applyAlignment="1">
      <alignment horizontal="center" vertical="center"/>
    </xf>
    <xf numFmtId="179" fontId="8" fillId="0" borderId="113" xfId="1" applyNumberFormat="1" applyFont="1" applyFill="1" applyBorder="1" applyAlignment="1">
      <alignment horizontal="center" vertical="center" wrapText="1"/>
    </xf>
    <xf numFmtId="179" fontId="8" fillId="0" borderId="135" xfId="1" applyNumberFormat="1" applyFont="1" applyFill="1" applyBorder="1" applyAlignment="1">
      <alignment horizontal="right" vertical="center"/>
    </xf>
    <xf numFmtId="179" fontId="8" fillId="0" borderId="129" xfId="1" applyNumberFormat="1" applyFont="1" applyFill="1" applyBorder="1" applyAlignment="1">
      <alignment horizontal="right" vertical="center"/>
    </xf>
    <xf numFmtId="179" fontId="8" fillId="0" borderId="66" xfId="1" applyNumberFormat="1" applyFont="1" applyFill="1" applyBorder="1" applyAlignment="1">
      <alignment horizontal="right" vertical="center"/>
    </xf>
    <xf numFmtId="179" fontId="8" fillId="0" borderId="37" xfId="1" applyNumberFormat="1" applyFont="1" applyFill="1" applyBorder="1" applyAlignment="1">
      <alignment horizontal="right" vertical="center"/>
    </xf>
    <xf numFmtId="179" fontId="8" fillId="0" borderId="68" xfId="1" applyNumberFormat="1" applyFont="1" applyFill="1" applyBorder="1" applyAlignment="1">
      <alignment horizontal="right" vertical="center"/>
    </xf>
    <xf numFmtId="179" fontId="8" fillId="0" borderId="108" xfId="1" applyNumberFormat="1" applyFont="1" applyFill="1" applyBorder="1" applyAlignment="1">
      <alignment horizontal="right" vertical="center"/>
    </xf>
    <xf numFmtId="179" fontId="8" fillId="0" borderId="83" xfId="1" applyNumberFormat="1" applyFont="1" applyFill="1" applyBorder="1" applyAlignment="1">
      <alignment horizontal="right" vertical="center"/>
    </xf>
    <xf numFmtId="179" fontId="8" fillId="0" borderId="70" xfId="1" applyNumberFormat="1" applyFont="1" applyFill="1" applyBorder="1" applyAlignment="1">
      <alignment horizontal="right" vertical="center"/>
    </xf>
    <xf numFmtId="179" fontId="8" fillId="0" borderId="136" xfId="1" applyNumberFormat="1" applyFont="1" applyFill="1" applyBorder="1" applyAlignment="1">
      <alignment horizontal="right" vertical="center"/>
    </xf>
    <xf numFmtId="179" fontId="8" fillId="0" borderId="137" xfId="1" applyNumberFormat="1" applyFont="1" applyFill="1" applyBorder="1" applyAlignment="1">
      <alignment horizontal="right" vertical="center"/>
    </xf>
    <xf numFmtId="179" fontId="8" fillId="0" borderId="138" xfId="1" applyNumberFormat="1" applyFont="1" applyFill="1" applyBorder="1" applyAlignment="1">
      <alignment horizontal="right" vertical="center"/>
    </xf>
    <xf numFmtId="179" fontId="8" fillId="0" borderId="5" xfId="1" applyNumberFormat="1" applyFont="1" applyFill="1" applyBorder="1" applyAlignment="1">
      <alignment horizontal="right" vertical="center"/>
    </xf>
    <xf numFmtId="179" fontId="8" fillId="0" borderId="75" xfId="1" applyNumberFormat="1" applyFont="1" applyFill="1" applyBorder="1" applyAlignment="1">
      <alignment horizontal="right" vertical="center"/>
    </xf>
    <xf numFmtId="179" fontId="8" fillId="0" borderId="69" xfId="1" applyNumberFormat="1" applyFont="1" applyFill="1" applyBorder="1" applyAlignment="1">
      <alignment horizontal="right" vertical="center"/>
    </xf>
    <xf numFmtId="179" fontId="8" fillId="0" borderId="36" xfId="1" applyNumberFormat="1" applyFont="1" applyFill="1" applyBorder="1" applyAlignment="1">
      <alignment horizontal="right" vertical="center"/>
    </xf>
    <xf numFmtId="179" fontId="8" fillId="0" borderId="71" xfId="1" applyNumberFormat="1" applyFont="1" applyFill="1" applyBorder="1" applyAlignment="1">
      <alignment horizontal="right" vertical="center"/>
    </xf>
    <xf numFmtId="179" fontId="8" fillId="0" borderId="25" xfId="1" applyNumberFormat="1" applyFont="1" applyFill="1" applyBorder="1" applyAlignment="1">
      <alignment horizontal="right" vertical="center"/>
    </xf>
    <xf numFmtId="179" fontId="8" fillId="0" borderId="62" xfId="1" applyNumberFormat="1" applyFont="1" applyFill="1" applyBorder="1" applyAlignment="1">
      <alignment horizontal="right" vertical="center"/>
    </xf>
    <xf numFmtId="179" fontId="8" fillId="0" borderId="28" xfId="1" applyNumberFormat="1" applyFont="1" applyFill="1" applyBorder="1" applyAlignment="1">
      <alignment horizontal="right" vertical="center"/>
    </xf>
    <xf numFmtId="177" fontId="8" fillId="0" borderId="19" xfId="0" applyNumberFormat="1" applyFont="1" applyFill="1" applyBorder="1" applyAlignment="1">
      <alignment vertical="center"/>
    </xf>
    <xf numFmtId="177" fontId="8" fillId="0" borderId="59" xfId="0" applyNumberFormat="1" applyFont="1" applyFill="1" applyBorder="1" applyAlignment="1">
      <alignment vertical="center"/>
    </xf>
    <xf numFmtId="177" fontId="8" fillId="0" borderId="6" xfId="0" applyNumberFormat="1" applyFont="1" applyFill="1" applyBorder="1" applyAlignment="1">
      <alignment vertical="center"/>
    </xf>
    <xf numFmtId="177" fontId="8" fillId="0" borderId="5" xfId="0" applyNumberFormat="1" applyFont="1" applyFill="1" applyBorder="1" applyAlignment="1">
      <alignment vertical="center"/>
    </xf>
    <xf numFmtId="177" fontId="8" fillId="0" borderId="4" xfId="0" applyNumberFormat="1" applyFont="1" applyFill="1" applyBorder="1" applyAlignment="1">
      <alignment vertical="center"/>
    </xf>
    <xf numFmtId="177" fontId="8" fillId="0" borderId="29" xfId="2" applyNumberFormat="1" applyFont="1" applyFill="1" applyBorder="1" applyAlignment="1">
      <alignment vertical="center"/>
    </xf>
    <xf numFmtId="177" fontId="8" fillId="0" borderId="39" xfId="2" applyNumberFormat="1" applyFont="1" applyFill="1" applyBorder="1" applyAlignment="1">
      <alignment horizontal="right" vertical="center"/>
    </xf>
    <xf numFmtId="177" fontId="8" fillId="0" borderId="21" xfId="0" applyNumberFormat="1" applyFont="1" applyFill="1" applyBorder="1" applyAlignment="1">
      <alignment vertical="center"/>
    </xf>
    <xf numFmtId="177" fontId="8" fillId="0" borderId="60" xfId="0" applyNumberFormat="1" applyFont="1" applyFill="1" applyBorder="1" applyAlignment="1">
      <alignment vertical="center"/>
    </xf>
    <xf numFmtId="177" fontId="8" fillId="0" borderId="38" xfId="0" applyNumberFormat="1" applyFont="1" applyFill="1" applyBorder="1" applyAlignment="1">
      <alignment vertical="center"/>
    </xf>
    <xf numFmtId="177" fontId="8" fillId="0" borderId="37" xfId="0" applyNumberFormat="1" applyFont="1" applyFill="1" applyBorder="1" applyAlignment="1">
      <alignment vertical="center"/>
    </xf>
    <xf numFmtId="177" fontId="8" fillId="0" borderId="36" xfId="0" applyNumberFormat="1" applyFont="1" applyFill="1" applyBorder="1" applyAlignment="1">
      <alignment vertical="center"/>
    </xf>
    <xf numFmtId="177" fontId="8" fillId="0" borderId="43" xfId="2" applyNumberFormat="1" applyFont="1" applyFill="1" applyBorder="1" applyAlignment="1">
      <alignment horizontal="right" vertical="center"/>
    </xf>
    <xf numFmtId="177" fontId="8" fillId="0" borderId="22" xfId="0" applyNumberFormat="1" applyFont="1" applyFill="1" applyBorder="1" applyAlignment="1">
      <alignment vertical="center"/>
    </xf>
    <xf numFmtId="177" fontId="8" fillId="0" borderId="125" xfId="0" applyNumberFormat="1" applyFont="1" applyFill="1" applyBorder="1" applyAlignment="1">
      <alignment vertical="center"/>
    </xf>
    <xf numFmtId="177" fontId="8" fillId="0" borderId="46" xfId="0" applyNumberFormat="1" applyFont="1" applyFill="1" applyBorder="1" applyAlignment="1">
      <alignment vertical="center"/>
    </xf>
    <xf numFmtId="177" fontId="8" fillId="0" borderId="45" xfId="0" applyNumberFormat="1" applyFont="1" applyFill="1" applyBorder="1" applyAlignment="1">
      <alignment vertical="center"/>
    </xf>
    <xf numFmtId="177" fontId="8" fillId="0" borderId="44" xfId="0" applyNumberFormat="1" applyFont="1" applyFill="1" applyBorder="1" applyAlignment="1">
      <alignment vertical="center"/>
    </xf>
    <xf numFmtId="177" fontId="8" fillId="0" borderId="23" xfId="2" applyNumberFormat="1" applyFont="1" applyFill="1" applyBorder="1" applyAlignment="1">
      <alignment vertical="center"/>
    </xf>
    <xf numFmtId="177" fontId="8" fillId="0" borderId="48" xfId="2" applyNumberFormat="1" applyFont="1" applyFill="1" applyBorder="1" applyAlignment="1">
      <alignment horizontal="right" vertical="center"/>
    </xf>
    <xf numFmtId="177" fontId="8" fillId="0" borderId="49" xfId="2" applyNumberFormat="1" applyFont="1" applyFill="1" applyBorder="1" applyAlignment="1">
      <alignment vertical="center"/>
    </xf>
    <xf numFmtId="177" fontId="8" fillId="0" borderId="50" xfId="2" applyNumberFormat="1" applyFont="1" applyFill="1" applyBorder="1" applyAlignment="1">
      <alignment vertical="center"/>
    </xf>
    <xf numFmtId="177" fontId="8" fillId="0" borderId="30" xfId="2" applyNumberFormat="1" applyFont="1" applyFill="1" applyBorder="1" applyAlignment="1">
      <alignment vertical="center"/>
    </xf>
    <xf numFmtId="177" fontId="8" fillId="0" borderId="126" xfId="0" applyNumberFormat="1" applyFont="1" applyFill="1" applyBorder="1" applyAlignment="1">
      <alignment vertical="center"/>
    </xf>
    <xf numFmtId="176" fontId="8" fillId="0" borderId="31" xfId="3" applyNumberFormat="1" applyFont="1" applyFill="1" applyBorder="1"/>
    <xf numFmtId="176" fontId="8" fillId="0" borderId="32" xfId="3" applyNumberFormat="1" applyFont="1" applyFill="1" applyBorder="1"/>
    <xf numFmtId="176" fontId="8" fillId="0" borderId="2" xfId="3" applyNumberFormat="1" applyFont="1" applyFill="1" applyBorder="1"/>
    <xf numFmtId="176" fontId="8" fillId="0" borderId="33" xfId="3" applyNumberFormat="1" applyFont="1" applyFill="1" applyBorder="1"/>
    <xf numFmtId="182" fontId="8" fillId="0" borderId="7" xfId="2" applyNumberFormat="1" applyFont="1" applyFill="1" applyBorder="1" applyAlignment="1">
      <alignment horizontal="right" vertical="center"/>
    </xf>
    <xf numFmtId="182" fontId="8" fillId="0" borderId="90" xfId="0" applyNumberFormat="1" applyFont="1" applyFill="1" applyBorder="1" applyAlignment="1">
      <alignment vertical="center"/>
    </xf>
    <xf numFmtId="182" fontId="8" fillId="0" borderId="6" xfId="0" applyNumberFormat="1" applyFont="1" applyFill="1" applyBorder="1" applyAlignment="1">
      <alignment vertical="center"/>
    </xf>
    <xf numFmtId="182" fontId="8" fillId="0" borderId="29" xfId="0" applyNumberFormat="1" applyFont="1" applyFill="1" applyBorder="1" applyAlignment="1">
      <alignment vertical="center"/>
    </xf>
    <xf numFmtId="182" fontId="8" fillId="0" borderId="39" xfId="2" applyNumberFormat="1" applyFont="1" applyFill="1" applyBorder="1" applyAlignment="1">
      <alignment horizontal="right" vertical="center"/>
    </xf>
    <xf numFmtId="182" fontId="8" fillId="0" borderId="91" xfId="0" applyNumberFormat="1" applyFont="1" applyFill="1" applyBorder="1" applyAlignment="1">
      <alignment vertical="center"/>
    </xf>
    <xf numFmtId="182" fontId="8" fillId="0" borderId="38" xfId="0" applyNumberFormat="1" applyFont="1" applyFill="1" applyBorder="1" applyAlignment="1">
      <alignment vertical="center"/>
    </xf>
    <xf numFmtId="182" fontId="8" fillId="0" borderId="64" xfId="0" applyNumberFormat="1" applyFont="1" applyFill="1" applyBorder="1" applyAlignment="1">
      <alignment vertical="center"/>
    </xf>
    <xf numFmtId="182" fontId="8" fillId="0" borderId="43" xfId="2" applyNumberFormat="1" applyFont="1" applyFill="1" applyBorder="1" applyAlignment="1">
      <alignment horizontal="right" vertical="center"/>
    </xf>
    <xf numFmtId="182" fontId="8" fillId="0" borderId="48" xfId="2" applyNumberFormat="1" applyFont="1" applyFill="1" applyBorder="1" applyAlignment="1">
      <alignment horizontal="right" vertical="center"/>
    </xf>
    <xf numFmtId="182" fontId="8" fillId="0" borderId="49" xfId="2" applyNumberFormat="1" applyFont="1" applyFill="1" applyBorder="1" applyAlignment="1">
      <alignment vertical="center"/>
    </xf>
    <xf numFmtId="182" fontId="8" fillId="0" borderId="50" xfId="2" applyNumberFormat="1" applyFont="1" applyFill="1" applyBorder="1" applyAlignment="1">
      <alignment vertical="center"/>
    </xf>
    <xf numFmtId="182" fontId="8" fillId="0" borderId="34" xfId="2" applyNumberFormat="1" applyFont="1" applyFill="1" applyBorder="1" applyAlignment="1">
      <alignment vertical="center"/>
    </xf>
    <xf numFmtId="182" fontId="8" fillId="0" borderId="59" xfId="0" applyNumberFormat="1" applyFont="1" applyFill="1" applyBorder="1" applyAlignment="1">
      <alignment vertical="center"/>
    </xf>
    <xf numFmtId="182" fontId="8" fillId="0" borderId="5" xfId="0" applyNumberFormat="1" applyFont="1" applyFill="1" applyBorder="1" applyAlignment="1">
      <alignment vertical="center"/>
    </xf>
    <xf numFmtId="182" fontId="8" fillId="0" borderId="60" xfId="0" applyNumberFormat="1" applyFont="1" applyFill="1" applyBorder="1" applyAlignment="1">
      <alignment vertical="center"/>
    </xf>
    <xf numFmtId="182" fontId="8" fillId="0" borderId="37" xfId="0" applyNumberFormat="1" applyFont="1" applyFill="1" applyBorder="1" applyAlignment="1">
      <alignment vertical="center"/>
    </xf>
    <xf numFmtId="177" fontId="8" fillId="0" borderId="59" xfId="0" applyNumberFormat="1" applyFont="1" applyFill="1" applyBorder="1" applyAlignment="1">
      <alignment horizontal="right" vertical="center"/>
    </xf>
    <xf numFmtId="177" fontId="8" fillId="0" borderId="60" xfId="0" applyNumberFormat="1" applyFont="1" applyFill="1" applyBorder="1" applyAlignment="1">
      <alignment horizontal="right" vertical="center"/>
    </xf>
    <xf numFmtId="177" fontId="8" fillId="0" borderId="125" xfId="0" applyNumberFormat="1" applyFont="1" applyFill="1" applyBorder="1" applyAlignment="1">
      <alignment horizontal="right" vertical="center"/>
    </xf>
    <xf numFmtId="177" fontId="8" fillId="0" borderId="32" xfId="2" applyNumberFormat="1" applyFont="1" applyFill="1" applyBorder="1" applyAlignment="1">
      <alignment horizontal="right" vertical="center"/>
    </xf>
    <xf numFmtId="176" fontId="8" fillId="0" borderId="8" xfId="3" applyNumberFormat="1" applyFont="1" applyFill="1" applyBorder="1" applyAlignment="1">
      <alignment vertical="center"/>
    </xf>
    <xf numFmtId="177" fontId="8" fillId="0" borderId="20" xfId="0" applyNumberFormat="1" applyFont="1" applyFill="1" applyBorder="1" applyAlignment="1">
      <alignment horizontal="right" vertical="center"/>
    </xf>
    <xf numFmtId="177" fontId="8" fillId="0" borderId="21" xfId="0" applyNumberFormat="1" applyFont="1" applyFill="1" applyBorder="1" applyAlignment="1">
      <alignment horizontal="right" vertical="center"/>
    </xf>
    <xf numFmtId="177" fontId="8" fillId="0" borderId="36" xfId="9" applyNumberFormat="1" applyFont="1" applyFill="1" applyBorder="1" applyAlignment="1">
      <alignment horizontal="right" vertical="center"/>
    </xf>
    <xf numFmtId="177" fontId="8" fillId="0" borderId="37" xfId="9" applyNumberFormat="1" applyFont="1" applyFill="1" applyBorder="1" applyAlignment="1">
      <alignment horizontal="right" vertical="center"/>
    </xf>
    <xf numFmtId="177" fontId="8" fillId="0" borderId="37" xfId="3" applyNumberFormat="1" applyFont="1" applyFill="1" applyBorder="1" applyAlignment="1">
      <alignment horizontal="right" vertical="center"/>
    </xf>
    <xf numFmtId="177" fontId="8" fillId="0" borderId="38" xfId="9" applyNumberFormat="1" applyFont="1" applyFill="1" applyBorder="1" applyAlignment="1">
      <alignment horizontal="right" vertical="center"/>
    </xf>
    <xf numFmtId="177" fontId="8" fillId="0" borderId="119" xfId="0" applyNumberFormat="1" applyFont="1" applyFill="1" applyBorder="1" applyAlignment="1">
      <alignment horizontal="right" vertical="center"/>
    </xf>
    <xf numFmtId="177" fontId="8" fillId="0" borderId="40" xfId="9" applyNumberFormat="1" applyFont="1" applyFill="1" applyBorder="1" applyAlignment="1">
      <alignment horizontal="right" vertical="center"/>
    </xf>
    <xf numFmtId="177" fontId="8" fillId="0" borderId="41" xfId="9" applyNumberFormat="1" applyFont="1" applyFill="1" applyBorder="1" applyAlignment="1">
      <alignment horizontal="right" vertical="center"/>
    </xf>
    <xf numFmtId="177" fontId="8" fillId="0" borderId="42" xfId="9" applyNumberFormat="1" applyFont="1" applyFill="1" applyBorder="1" applyAlignment="1">
      <alignment horizontal="right" vertical="center"/>
    </xf>
    <xf numFmtId="177" fontId="8" fillId="0" borderId="22" xfId="0" applyNumberFormat="1" applyFont="1" applyFill="1" applyBorder="1" applyAlignment="1">
      <alignment horizontal="right" vertical="center"/>
    </xf>
    <xf numFmtId="177" fontId="8" fillId="0" borderId="44" xfId="9" applyNumberFormat="1" applyFont="1" applyFill="1" applyBorder="1" applyAlignment="1">
      <alignment horizontal="right" vertical="center"/>
    </xf>
    <xf numFmtId="177" fontId="8" fillId="0" borderId="45" xfId="9" applyNumberFormat="1" applyFont="1" applyFill="1" applyBorder="1" applyAlignment="1">
      <alignment horizontal="right" vertical="center"/>
    </xf>
    <xf numFmtId="177" fontId="8" fillId="0" borderId="45" xfId="3" applyNumberFormat="1" applyFont="1" applyFill="1" applyBorder="1" applyAlignment="1">
      <alignment horizontal="right" vertical="center"/>
    </xf>
    <xf numFmtId="177" fontId="8" fillId="0" borderId="46" xfId="3" applyNumberFormat="1" applyFont="1" applyFill="1" applyBorder="1" applyAlignment="1">
      <alignment horizontal="right" vertical="center"/>
    </xf>
    <xf numFmtId="177" fontId="8" fillId="0" borderId="46" xfId="9" applyNumberFormat="1" applyFont="1" applyFill="1" applyBorder="1" applyAlignment="1">
      <alignment horizontal="right" vertical="center"/>
    </xf>
    <xf numFmtId="177" fontId="8" fillId="0" borderId="25" xfId="0" applyNumberFormat="1" applyFont="1" applyFill="1" applyBorder="1" applyAlignment="1">
      <alignment horizontal="right" vertical="center"/>
    </xf>
    <xf numFmtId="177" fontId="8" fillId="0" borderId="54" xfId="0" applyNumberFormat="1" applyFont="1" applyFill="1" applyBorder="1" applyAlignment="1">
      <alignment horizontal="right" vertical="center"/>
    </xf>
    <xf numFmtId="177" fontId="8" fillId="0" borderId="55" xfId="2" applyNumberFormat="1" applyFont="1" applyFill="1" applyBorder="1" applyAlignment="1">
      <alignment horizontal="right" vertical="center"/>
    </xf>
    <xf numFmtId="177" fontId="8" fillId="0" borderId="56" xfId="2" applyNumberFormat="1" applyFont="1" applyFill="1" applyBorder="1" applyAlignment="1">
      <alignment horizontal="right" vertical="center"/>
    </xf>
    <xf numFmtId="177" fontId="8" fillId="0" borderId="4" xfId="0" applyNumberFormat="1" applyFont="1" applyFill="1" applyBorder="1" applyAlignment="1">
      <alignment horizontal="right" vertical="center"/>
    </xf>
    <xf numFmtId="177" fontId="8" fillId="0" borderId="5" xfId="0" applyNumberFormat="1" applyFont="1" applyFill="1" applyBorder="1" applyAlignment="1">
      <alignment horizontal="right" vertical="center"/>
    </xf>
    <xf numFmtId="177" fontId="8" fillId="0" borderId="6" xfId="3" applyNumberFormat="1" applyFont="1" applyFill="1" applyBorder="1" applyAlignment="1">
      <alignment horizontal="right" vertical="center"/>
    </xf>
    <xf numFmtId="177" fontId="8" fillId="0" borderId="6" xfId="0" applyNumberFormat="1" applyFont="1" applyFill="1" applyBorder="1" applyAlignment="1">
      <alignment horizontal="right" vertical="center"/>
    </xf>
    <xf numFmtId="177" fontId="8" fillId="0" borderId="9" xfId="2" applyNumberFormat="1" applyFont="1" applyFill="1" applyBorder="1" applyAlignment="1">
      <alignment horizontal="right" vertical="center"/>
    </xf>
    <xf numFmtId="176" fontId="8" fillId="0" borderId="37" xfId="3" applyNumberFormat="1" applyFont="1" applyFill="1" applyBorder="1" applyAlignment="1">
      <alignment vertical="center"/>
    </xf>
    <xf numFmtId="176" fontId="8" fillId="0" borderId="41" xfId="3" applyNumberFormat="1" applyFont="1" applyFill="1" applyBorder="1" applyAlignment="1">
      <alignment vertical="center"/>
    </xf>
    <xf numFmtId="176" fontId="8" fillId="0" borderId="5" xfId="3" applyNumberFormat="1" applyFont="1" applyFill="1" applyBorder="1" applyAlignment="1">
      <alignment horizontal="right" vertical="center"/>
    </xf>
    <xf numFmtId="0" fontId="8" fillId="0" borderId="0" xfId="0" applyFont="1" applyFill="1" applyBorder="1" applyAlignment="1">
      <alignment vertical="center"/>
    </xf>
    <xf numFmtId="176" fontId="8" fillId="0" borderId="15" xfId="3" applyNumberFormat="1" applyFont="1" applyFill="1" applyBorder="1" applyAlignment="1">
      <alignment horizontal="left" vertical="center"/>
    </xf>
    <xf numFmtId="176" fontId="8" fillId="0" borderId="12" xfId="3" applyNumberFormat="1" applyFont="1" applyFill="1" applyBorder="1" applyAlignment="1">
      <alignment horizontal="right" vertical="center"/>
    </xf>
    <xf numFmtId="176" fontId="8" fillId="0" borderId="28" xfId="3" applyNumberFormat="1" applyFont="1" applyFill="1" applyBorder="1" applyAlignment="1">
      <alignment horizontal="right" vertical="center"/>
    </xf>
    <xf numFmtId="177" fontId="8" fillId="0" borderId="51" xfId="0" applyNumberFormat="1" applyFont="1" applyFill="1" applyBorder="1" applyAlignment="1">
      <alignment horizontal="right" vertical="center"/>
    </xf>
    <xf numFmtId="177" fontId="8" fillId="0" borderId="132" xfId="2" applyNumberFormat="1" applyFont="1" applyFill="1" applyBorder="1" applyAlignment="1">
      <alignment horizontal="right" vertical="center"/>
    </xf>
    <xf numFmtId="177" fontId="8" fillId="0" borderId="63" xfId="3" applyNumberFormat="1" applyFont="1" applyFill="1" applyBorder="1" applyAlignment="1">
      <alignment horizontal="right" vertical="center"/>
    </xf>
    <xf numFmtId="177" fontId="8" fillId="0" borderId="38" xfId="2" applyNumberFormat="1" applyFont="1" applyFill="1" applyBorder="1" applyAlignment="1">
      <alignment horizontal="right" vertical="center"/>
    </xf>
    <xf numFmtId="177" fontId="8" fillId="0" borderId="64" xfId="3" applyNumberFormat="1" applyFont="1" applyFill="1" applyBorder="1" applyAlignment="1">
      <alignment horizontal="right" vertical="center"/>
    </xf>
    <xf numFmtId="177" fontId="8" fillId="0" borderId="53" xfId="0" applyNumberFormat="1" applyFont="1" applyFill="1" applyBorder="1" applyAlignment="1">
      <alignment horizontal="right" vertical="center"/>
    </xf>
    <xf numFmtId="177" fontId="8" fillId="0" borderId="46" xfId="2" applyNumberFormat="1" applyFont="1" applyFill="1" applyBorder="1" applyAlignment="1">
      <alignment horizontal="right" vertical="center"/>
    </xf>
    <xf numFmtId="177" fontId="8" fillId="0" borderId="23" xfId="3" applyNumberFormat="1" applyFont="1" applyFill="1" applyBorder="1" applyAlignment="1">
      <alignment horizontal="right" vertical="center"/>
    </xf>
    <xf numFmtId="177" fontId="8" fillId="0" borderId="56" xfId="0" applyNumberFormat="1" applyFont="1" applyFill="1" applyBorder="1" applyAlignment="1">
      <alignment horizontal="right" vertical="center"/>
    </xf>
    <xf numFmtId="177" fontId="8" fillId="0" borderId="31" xfId="2" applyNumberFormat="1" applyFont="1" applyFill="1" applyBorder="1" applyAlignment="1">
      <alignment horizontal="right" vertical="center"/>
    </xf>
    <xf numFmtId="177" fontId="8" fillId="0" borderId="35" xfId="2" applyNumberFormat="1" applyFont="1" applyFill="1" applyBorder="1" applyAlignment="1">
      <alignment horizontal="right" vertical="center"/>
    </xf>
    <xf numFmtId="177" fontId="8" fillId="0" borderId="33" xfId="2" applyNumberFormat="1" applyFont="1" applyFill="1" applyBorder="1" applyAlignment="1">
      <alignment horizontal="right" vertical="center"/>
    </xf>
    <xf numFmtId="177" fontId="8" fillId="0" borderId="59" xfId="2" applyNumberFormat="1" applyFont="1" applyFill="1" applyBorder="1" applyAlignment="1">
      <alignment horizontal="right" vertical="center"/>
    </xf>
    <xf numFmtId="177" fontId="8" fillId="0" borderId="21" xfId="2" applyNumberFormat="1" applyFont="1" applyFill="1" applyBorder="1" applyAlignment="1">
      <alignment horizontal="right" vertical="center"/>
    </xf>
    <xf numFmtId="177" fontId="8" fillId="0" borderId="2" xfId="2" applyNumberFormat="1" applyFont="1" applyFill="1" applyBorder="1" applyAlignment="1">
      <alignment horizontal="right" vertical="center"/>
    </xf>
    <xf numFmtId="177" fontId="8" fillId="0" borderId="62" xfId="2" applyNumberFormat="1" applyFont="1" applyFill="1" applyBorder="1" applyAlignment="1">
      <alignment horizontal="right" vertical="center"/>
    </xf>
    <xf numFmtId="177" fontId="8" fillId="0" borderId="74" xfId="2" applyNumberFormat="1" applyFont="1" applyFill="1" applyBorder="1" applyAlignment="1">
      <alignment horizontal="right" vertical="center"/>
    </xf>
    <xf numFmtId="177" fontId="8" fillId="0" borderId="20" xfId="1" applyNumberFormat="1" applyFont="1" applyFill="1" applyBorder="1" applyAlignment="1">
      <alignment horizontal="right" vertical="center"/>
    </xf>
    <xf numFmtId="177" fontId="8" fillId="0" borderId="21" xfId="1" applyNumberFormat="1" applyFont="1" applyFill="1" applyBorder="1" applyAlignment="1">
      <alignment horizontal="right" vertical="center"/>
    </xf>
    <xf numFmtId="177" fontId="8" fillId="0" borderId="119" xfId="1" applyNumberFormat="1" applyFont="1" applyFill="1" applyBorder="1" applyAlignment="1">
      <alignment horizontal="right" vertical="center"/>
    </xf>
    <xf numFmtId="177" fontId="8" fillId="0" borderId="6" xfId="1" applyNumberFormat="1" applyFont="1" applyFill="1" applyBorder="1" applyAlignment="1">
      <alignment horizontal="right" vertical="center"/>
    </xf>
    <xf numFmtId="177" fontId="8" fillId="0" borderId="38" xfId="1" applyNumberFormat="1" applyFont="1" applyFill="1" applyBorder="1" applyAlignment="1">
      <alignment horizontal="right" vertical="center"/>
    </xf>
    <xf numFmtId="177" fontId="8" fillId="0" borderId="45" xfId="1" applyNumberFormat="1" applyFont="1" applyFill="1" applyBorder="1" applyAlignment="1">
      <alignment horizontal="right" vertical="center"/>
    </xf>
    <xf numFmtId="177" fontId="8" fillId="0" borderId="35" xfId="1" applyNumberFormat="1" applyFont="1" applyFill="1" applyBorder="1" applyAlignment="1">
      <alignment horizontal="right" vertical="center"/>
    </xf>
    <xf numFmtId="177" fontId="8" fillId="0" borderId="28" xfId="1" applyNumberFormat="1" applyFont="1" applyFill="1" applyBorder="1" applyAlignment="1">
      <alignment horizontal="right" vertical="center"/>
    </xf>
    <xf numFmtId="177" fontId="8" fillId="0" borderId="128" xfId="1" applyNumberFormat="1" applyFont="1" applyFill="1" applyBorder="1" applyAlignment="1">
      <alignment horizontal="right" vertical="center"/>
    </xf>
    <xf numFmtId="177" fontId="8" fillId="0" borderId="69" xfId="1" applyNumberFormat="1" applyFont="1" applyFill="1" applyBorder="1" applyAlignment="1">
      <alignment horizontal="right" vertical="center"/>
    </xf>
    <xf numFmtId="177" fontId="8" fillId="0" borderId="71" xfId="1" applyNumberFormat="1" applyFont="1" applyFill="1" applyBorder="1" applyAlignment="1">
      <alignment horizontal="right" vertical="center"/>
    </xf>
    <xf numFmtId="176" fontId="8" fillId="0" borderId="75" xfId="3" applyNumberFormat="1" applyFont="1" applyFill="1" applyBorder="1" applyAlignment="1">
      <alignment vertical="center"/>
    </xf>
    <xf numFmtId="179" fontId="8" fillId="0" borderId="9" xfId="1" applyNumberFormat="1" applyFont="1" applyFill="1" applyBorder="1" applyAlignment="1">
      <alignment horizontal="right" vertical="center"/>
    </xf>
    <xf numFmtId="0" fontId="8" fillId="0" borderId="14" xfId="0" applyFont="1" applyBorder="1" applyAlignment="1">
      <alignment vertical="center"/>
    </xf>
    <xf numFmtId="179" fontId="8" fillId="0" borderId="77" xfId="2" applyNumberFormat="1" applyFont="1" applyFill="1" applyBorder="1" applyAlignment="1">
      <alignment horizontal="center" vertical="center"/>
    </xf>
    <xf numFmtId="179" fontId="8" fillId="0" borderId="78" xfId="2" applyNumberFormat="1" applyFont="1" applyFill="1" applyBorder="1" applyAlignment="1">
      <alignment horizontal="center" vertical="center"/>
    </xf>
    <xf numFmtId="179" fontId="8" fillId="0" borderId="94" xfId="2" applyNumberFormat="1" applyFont="1" applyFill="1" applyBorder="1" applyAlignment="1">
      <alignment horizontal="center" vertical="center"/>
    </xf>
    <xf numFmtId="179" fontId="8" fillId="0" borderId="95" xfId="2" applyNumberFormat="1" applyFont="1" applyFill="1" applyBorder="1" applyAlignment="1">
      <alignment horizontal="center" vertical="center"/>
    </xf>
    <xf numFmtId="179" fontId="8" fillId="0" borderId="96" xfId="2" applyNumberFormat="1" applyFont="1" applyFill="1" applyBorder="1" applyAlignment="1">
      <alignment horizontal="center" vertical="center"/>
    </xf>
    <xf numFmtId="179" fontId="8" fillId="0" borderId="77" xfId="2" applyNumberFormat="1" applyFont="1" applyBorder="1" applyAlignment="1">
      <alignment horizontal="center" vertical="center"/>
    </xf>
    <xf numFmtId="179" fontId="8" fillId="0" borderId="78" xfId="2" applyNumberFormat="1" applyFont="1" applyBorder="1" applyAlignment="1">
      <alignment horizontal="center" vertical="center"/>
    </xf>
    <xf numFmtId="177" fontId="8" fillId="0" borderId="77" xfId="2" applyNumberFormat="1" applyFont="1" applyFill="1" applyBorder="1" applyAlignment="1">
      <alignment horizontal="center" vertical="center"/>
    </xf>
    <xf numFmtId="177" fontId="8" fillId="0" borderId="78" xfId="2" applyNumberFormat="1" applyFont="1" applyFill="1" applyBorder="1" applyAlignment="1">
      <alignment horizontal="center" vertical="center"/>
    </xf>
    <xf numFmtId="177" fontId="8" fillId="0" borderId="92" xfId="2" applyNumberFormat="1" applyFont="1" applyFill="1" applyBorder="1" applyAlignment="1">
      <alignment horizontal="center" vertical="center"/>
    </xf>
    <xf numFmtId="177" fontId="8" fillId="0" borderId="80" xfId="2" applyNumberFormat="1" applyFont="1" applyFill="1" applyBorder="1" applyAlignment="1">
      <alignment horizontal="center" vertical="center"/>
    </xf>
    <xf numFmtId="177" fontId="8" fillId="0" borderId="81" xfId="2" applyNumberFormat="1" applyFont="1" applyFill="1" applyBorder="1" applyAlignment="1">
      <alignment horizontal="center" vertical="center"/>
    </xf>
    <xf numFmtId="177" fontId="8" fillId="0" borderId="97" xfId="2" applyNumberFormat="1" applyFont="1" applyFill="1" applyBorder="1" applyAlignment="1">
      <alignment horizontal="center" vertical="center" wrapText="1"/>
    </xf>
    <xf numFmtId="177" fontId="8" fillId="0" borderId="98" xfId="2" applyNumberFormat="1" applyFont="1" applyFill="1" applyBorder="1" applyAlignment="1">
      <alignment horizontal="center" vertical="center"/>
    </xf>
    <xf numFmtId="177" fontId="8" fillId="0" borderId="80" xfId="2" applyNumberFormat="1" applyFont="1" applyFill="1" applyBorder="1" applyAlignment="1">
      <alignment horizontal="center" vertical="center" wrapText="1"/>
    </xf>
    <xf numFmtId="177" fontId="8" fillId="0" borderId="45" xfId="2" applyNumberFormat="1" applyFont="1" applyFill="1" applyBorder="1" applyAlignment="1">
      <alignment horizontal="center" vertical="center" wrapText="1"/>
    </xf>
    <xf numFmtId="177" fontId="15" fillId="0" borderId="81" xfId="2" applyNumberFormat="1" applyFont="1" applyFill="1" applyBorder="1" applyAlignment="1">
      <alignment horizontal="center" vertical="center" wrapText="1"/>
    </xf>
    <xf numFmtId="177" fontId="15" fillId="0" borderId="46" xfId="2" applyNumberFormat="1" applyFont="1" applyFill="1" applyBorder="1" applyAlignment="1">
      <alignment horizontal="center" vertical="center" wrapText="1"/>
    </xf>
    <xf numFmtId="177" fontId="15" fillId="0" borderId="84" xfId="2" applyNumberFormat="1" applyFont="1" applyFill="1" applyBorder="1" applyAlignment="1">
      <alignment horizontal="center" vertical="center" wrapText="1"/>
    </xf>
    <xf numFmtId="177" fontId="15" fillId="0" borderId="85" xfId="2" applyNumberFormat="1" applyFont="1" applyFill="1" applyBorder="1" applyAlignment="1">
      <alignment horizontal="center" vertical="center"/>
    </xf>
    <xf numFmtId="177" fontId="13" fillId="0" borderId="13" xfId="2" applyNumberFormat="1" applyFont="1" applyFill="1" applyBorder="1" applyAlignment="1">
      <alignment horizontal="center" vertical="center" wrapText="1"/>
    </xf>
    <xf numFmtId="177" fontId="13" fillId="0" borderId="79" xfId="2" applyNumberFormat="1" applyFont="1" applyFill="1" applyBorder="1" applyAlignment="1">
      <alignment horizontal="center" vertical="center"/>
    </xf>
    <xf numFmtId="177" fontId="15" fillId="0" borderId="85" xfId="2" applyNumberFormat="1" applyFont="1" applyFill="1" applyBorder="1" applyAlignment="1">
      <alignment horizontal="center" vertical="center" wrapText="1"/>
    </xf>
    <xf numFmtId="177" fontId="8" fillId="0" borderId="82" xfId="2" applyNumberFormat="1" applyFont="1" applyFill="1" applyBorder="1" applyAlignment="1">
      <alignment horizontal="center" vertical="center"/>
    </xf>
    <xf numFmtId="177" fontId="8" fillId="0" borderId="83" xfId="2" applyNumberFormat="1" applyFont="1" applyFill="1" applyBorder="1" applyAlignment="1">
      <alignment horizontal="center" vertical="center"/>
    </xf>
    <xf numFmtId="177" fontId="8" fillId="0" borderId="13" xfId="2" applyNumberFormat="1" applyFont="1" applyFill="1" applyBorder="1" applyAlignment="1">
      <alignment horizontal="center" vertical="center"/>
    </xf>
    <xf numFmtId="177" fontId="8" fillId="0" borderId="79" xfId="2" applyNumberFormat="1" applyFont="1" applyFill="1" applyBorder="1" applyAlignment="1">
      <alignment horizontal="center" vertical="center"/>
    </xf>
    <xf numFmtId="179" fontId="8" fillId="0" borderId="77" xfId="0" applyNumberFormat="1" applyFont="1" applyFill="1" applyBorder="1" applyAlignment="1">
      <alignment horizontal="center" vertical="center"/>
    </xf>
    <xf numFmtId="179" fontId="8" fillId="0" borderId="78" xfId="0" applyNumberFormat="1" applyFont="1" applyFill="1" applyBorder="1" applyAlignment="1">
      <alignment horizontal="center" vertical="center"/>
    </xf>
    <xf numFmtId="179" fontId="8" fillId="0" borderId="92" xfId="0" applyNumberFormat="1" applyFont="1" applyFill="1" applyBorder="1" applyAlignment="1">
      <alignment horizontal="center" vertical="center"/>
    </xf>
    <xf numFmtId="179" fontId="8" fillId="0" borderId="80" xfId="0" applyNumberFormat="1" applyFont="1" applyFill="1" applyBorder="1" applyAlignment="1">
      <alignment horizontal="center" vertical="center"/>
    </xf>
    <xf numFmtId="179" fontId="8" fillId="0" borderId="104" xfId="0" applyNumberFormat="1" applyFont="1" applyFill="1" applyBorder="1" applyAlignment="1">
      <alignment horizontal="center" vertical="center"/>
    </xf>
    <xf numFmtId="179" fontId="8" fillId="0" borderId="21" xfId="0" applyNumberFormat="1" applyFont="1" applyFill="1" applyBorder="1" applyAlignment="1">
      <alignment horizontal="center" vertical="center"/>
    </xf>
    <xf numFmtId="179" fontId="8" fillId="0" borderId="37" xfId="0" applyNumberFormat="1" applyFont="1" applyFill="1" applyBorder="1" applyAlignment="1">
      <alignment horizontal="center" vertical="center"/>
    </xf>
    <xf numFmtId="179" fontId="8" fillId="0" borderId="39" xfId="0" applyNumberFormat="1" applyFont="1" applyFill="1" applyBorder="1" applyAlignment="1">
      <alignment horizontal="center" vertical="center"/>
    </xf>
    <xf numFmtId="179" fontId="8" fillId="0" borderId="13" xfId="6" applyNumberFormat="1" applyFont="1" applyFill="1" applyBorder="1" applyAlignment="1">
      <alignment horizontal="center" vertical="center"/>
    </xf>
    <xf numFmtId="179" fontId="8" fillId="0" borderId="10" xfId="6" applyNumberFormat="1" applyFont="1" applyFill="1" applyBorder="1" applyAlignment="1">
      <alignment horizontal="center" vertical="center"/>
    </xf>
    <xf numFmtId="179" fontId="8" fillId="0" borderId="11" xfId="6" applyNumberFormat="1" applyFont="1" applyFill="1" applyBorder="1" applyAlignment="1">
      <alignment horizontal="center" vertical="center"/>
    </xf>
    <xf numFmtId="179" fontId="8" fillId="0" borderId="13" xfId="0" applyNumberFormat="1" applyFont="1" applyFill="1" applyBorder="1" applyAlignment="1">
      <alignment horizontal="center" vertical="center"/>
    </xf>
    <xf numFmtId="179" fontId="8" fillId="0" borderId="10" xfId="0" applyNumberFormat="1" applyFont="1" applyFill="1" applyBorder="1" applyAlignment="1">
      <alignment horizontal="center" vertical="center"/>
    </xf>
    <xf numFmtId="179" fontId="8" fillId="0" borderId="11" xfId="0" applyNumberFormat="1" applyFont="1" applyFill="1" applyBorder="1" applyAlignment="1">
      <alignment horizontal="center" vertical="center"/>
    </xf>
    <xf numFmtId="179" fontId="8" fillId="0" borderId="14" xfId="0" applyNumberFormat="1" applyFont="1" applyFill="1" applyBorder="1" applyAlignment="1">
      <alignment horizontal="center" vertical="center"/>
    </xf>
    <xf numFmtId="179" fontId="8" fillId="0" borderId="0" xfId="0" applyNumberFormat="1" applyFont="1" applyFill="1" applyAlignment="1">
      <alignment horizontal="center" vertical="center"/>
    </xf>
    <xf numFmtId="179" fontId="8" fillId="0" borderId="27" xfId="0" applyNumberFormat="1" applyFont="1" applyFill="1" applyBorder="1" applyAlignment="1">
      <alignment horizontal="center" vertical="center"/>
    </xf>
    <xf numFmtId="179" fontId="8" fillId="0" borderId="94" xfId="6" applyNumberFormat="1" applyFont="1" applyFill="1" applyBorder="1" applyAlignment="1">
      <alignment horizontal="center" vertical="center" wrapText="1"/>
    </xf>
    <xf numFmtId="179" fontId="8" fillId="0" borderId="95" xfId="6" applyNumberFormat="1" applyFont="1" applyFill="1" applyBorder="1" applyAlignment="1">
      <alignment horizontal="center" vertical="center" wrapText="1"/>
    </xf>
    <xf numFmtId="179" fontId="8" fillId="0" borderId="96" xfId="6" applyNumberFormat="1" applyFont="1" applyFill="1" applyBorder="1" applyAlignment="1">
      <alignment horizontal="center" vertical="center" wrapText="1"/>
    </xf>
    <xf numFmtId="179" fontId="8" fillId="0" borderId="92" xfId="6" applyNumberFormat="1" applyFont="1" applyFill="1" applyBorder="1" applyAlignment="1">
      <alignment horizontal="center" vertical="center" wrapText="1"/>
    </xf>
    <xf numFmtId="179" fontId="8" fillId="0" borderId="80" xfId="6" applyNumberFormat="1" applyFont="1" applyFill="1" applyBorder="1" applyAlignment="1">
      <alignment horizontal="center" vertical="center" wrapText="1"/>
    </xf>
    <xf numFmtId="179" fontId="8" fillId="0" borderId="104" xfId="6" applyNumberFormat="1" applyFont="1" applyFill="1" applyBorder="1" applyAlignment="1">
      <alignment horizontal="center" vertical="center" wrapText="1"/>
    </xf>
    <xf numFmtId="179" fontId="8" fillId="0" borderId="14" xfId="6" applyNumberFormat="1" applyFont="1" applyFill="1" applyBorder="1" applyAlignment="1">
      <alignment horizontal="center" vertical="center"/>
    </xf>
    <xf numFmtId="179" fontId="8" fillId="0" borderId="27" xfId="6" applyNumberFormat="1" applyFont="1" applyFill="1" applyBorder="1" applyAlignment="1">
      <alignment horizontal="center" vertical="center"/>
    </xf>
    <xf numFmtId="179" fontId="8" fillId="0" borderId="79" xfId="6" applyNumberFormat="1" applyFont="1" applyFill="1" applyBorder="1" applyAlignment="1">
      <alignment horizontal="center" vertical="center"/>
    </xf>
    <xf numFmtId="179" fontId="8" fillId="0" borderId="106" xfId="6" applyNumberFormat="1" applyFont="1" applyFill="1" applyBorder="1" applyAlignment="1">
      <alignment horizontal="center" vertical="center"/>
    </xf>
    <xf numFmtId="179" fontId="8" fillId="0" borderId="110" xfId="6" applyNumberFormat="1" applyFont="1" applyFill="1" applyBorder="1" applyAlignment="1">
      <alignment horizontal="center" vertical="center"/>
    </xf>
    <xf numFmtId="179" fontId="8" fillId="0" borderId="111" xfId="6" applyNumberFormat="1" applyFont="1" applyFill="1" applyBorder="1" applyAlignment="1">
      <alignment horizontal="center" vertical="center"/>
    </xf>
    <xf numFmtId="179" fontId="8" fillId="0" borderId="91" xfId="6" applyNumberFormat="1" applyFont="1" applyFill="1" applyBorder="1" applyAlignment="1">
      <alignment horizontal="center" vertical="center"/>
    </xf>
    <xf numFmtId="179" fontId="8" fillId="0" borderId="69" xfId="6" applyNumberFormat="1" applyFont="1" applyFill="1" applyBorder="1" applyAlignment="1">
      <alignment horizontal="center" vertical="center"/>
    </xf>
    <xf numFmtId="179" fontId="8" fillId="0" borderId="102" xfId="6" applyNumberFormat="1" applyFont="1" applyFill="1" applyBorder="1" applyAlignment="1">
      <alignment horizontal="center" vertical="center"/>
    </xf>
    <xf numFmtId="179" fontId="8" fillId="0" borderId="71" xfId="6" applyNumberFormat="1" applyFont="1" applyFill="1" applyBorder="1" applyAlignment="1">
      <alignment horizontal="center" vertical="center"/>
    </xf>
    <xf numFmtId="179" fontId="8" fillId="0" borderId="15" xfId="6" applyNumberFormat="1" applyFont="1" applyFill="1" applyBorder="1" applyAlignment="1">
      <alignment horizontal="center" vertical="center"/>
    </xf>
    <xf numFmtId="179" fontId="8" fillId="0" borderId="28" xfId="6" applyNumberFormat="1" applyFont="1" applyFill="1" applyBorder="1" applyAlignment="1">
      <alignment horizontal="center" vertical="center"/>
    </xf>
    <xf numFmtId="179" fontId="8" fillId="0" borderId="79" xfId="0" applyNumberFormat="1" applyFont="1" applyFill="1" applyBorder="1" applyAlignment="1">
      <alignment horizontal="center" vertical="center"/>
    </xf>
    <xf numFmtId="179" fontId="8" fillId="0" borderId="106" xfId="0" applyNumberFormat="1" applyFont="1" applyFill="1" applyBorder="1" applyAlignment="1">
      <alignment horizontal="center" vertical="center"/>
    </xf>
    <xf numFmtId="179" fontId="8" fillId="0" borderId="90" xfId="0" applyNumberFormat="1" applyFont="1" applyFill="1" applyBorder="1" applyAlignment="1">
      <alignment horizontal="center" vertical="center"/>
    </xf>
    <xf numFmtId="179" fontId="8" fillId="0" borderId="9" xfId="0" applyNumberFormat="1" applyFont="1" applyFill="1" applyBorder="1" applyAlignment="1">
      <alignment horizontal="center" vertical="center"/>
    </xf>
    <xf numFmtId="179" fontId="8" fillId="0" borderId="91" xfId="0" applyNumberFormat="1" applyFont="1" applyFill="1" applyBorder="1" applyAlignment="1">
      <alignment horizontal="center" vertical="center"/>
    </xf>
    <xf numFmtId="179" fontId="8" fillId="0" borderId="69" xfId="0" applyNumberFormat="1" applyFont="1" applyFill="1" applyBorder="1" applyAlignment="1">
      <alignment horizontal="center" vertical="center"/>
    </xf>
    <xf numFmtId="179" fontId="8" fillId="0" borderId="102" xfId="0" applyNumberFormat="1" applyFont="1" applyFill="1" applyBorder="1" applyAlignment="1">
      <alignment horizontal="center" vertical="center"/>
    </xf>
    <xf numFmtId="179" fontId="8" fillId="0" borderId="71" xfId="0" applyNumberFormat="1" applyFont="1" applyFill="1" applyBorder="1" applyAlignment="1">
      <alignment horizontal="center" vertical="center"/>
    </xf>
    <xf numFmtId="179" fontId="8" fillId="0" borderId="15" xfId="0" applyNumberFormat="1" applyFont="1" applyFill="1" applyBorder="1" applyAlignment="1">
      <alignment horizontal="center" vertical="center"/>
    </xf>
    <xf numFmtId="179" fontId="8" fillId="0" borderId="28" xfId="0" applyNumberFormat="1" applyFont="1" applyFill="1" applyBorder="1" applyAlignment="1">
      <alignment horizontal="center" vertical="center"/>
    </xf>
    <xf numFmtId="179" fontId="8" fillId="0" borderId="114" xfId="6" applyNumberFormat="1" applyFont="1" applyFill="1" applyBorder="1" applyAlignment="1">
      <alignment horizontal="center" vertical="center"/>
    </xf>
    <xf numFmtId="179" fontId="8" fillId="0" borderId="115" xfId="6" applyNumberFormat="1" applyFont="1" applyFill="1" applyBorder="1" applyAlignment="1">
      <alignment horizontal="center" vertical="center"/>
    </xf>
    <xf numFmtId="57" fontId="8" fillId="0" borderId="94" xfId="6" applyNumberFormat="1" applyFont="1" applyFill="1" applyBorder="1" applyAlignment="1">
      <alignment horizontal="center" vertical="center" wrapText="1"/>
    </xf>
    <xf numFmtId="57" fontId="8" fillId="0" borderId="95" xfId="6" applyNumberFormat="1" applyFont="1" applyFill="1" applyBorder="1" applyAlignment="1">
      <alignment horizontal="center" vertical="center" wrapText="1"/>
    </xf>
    <xf numFmtId="57" fontId="8" fillId="0" borderId="96" xfId="6" applyNumberFormat="1" applyFont="1" applyFill="1" applyBorder="1" applyAlignment="1">
      <alignment horizontal="center" vertical="center" wrapText="1"/>
    </xf>
    <xf numFmtId="0" fontId="8" fillId="0" borderId="77" xfId="6" applyFont="1" applyFill="1" applyBorder="1" applyAlignment="1">
      <alignment horizontal="center" vertical="center"/>
    </xf>
    <xf numFmtId="0" fontId="8" fillId="0" borderId="78" xfId="6" applyFont="1" applyFill="1" applyBorder="1" applyAlignment="1">
      <alignment horizontal="center" vertical="center"/>
    </xf>
    <xf numFmtId="0" fontId="8" fillId="0" borderId="77" xfId="0" applyFont="1" applyFill="1" applyBorder="1" applyAlignment="1">
      <alignment horizontal="center" vertical="center"/>
    </xf>
    <xf numFmtId="0" fontId="8" fillId="0" borderId="78" xfId="0" applyFont="1" applyFill="1" applyBorder="1" applyAlignment="1">
      <alignment horizontal="center" vertical="center"/>
    </xf>
    <xf numFmtId="179" fontId="8" fillId="0" borderId="94" xfId="0" applyNumberFormat="1" applyFont="1" applyFill="1" applyBorder="1" applyAlignment="1">
      <alignment horizontal="center" vertical="center"/>
    </xf>
    <xf numFmtId="179" fontId="8" fillId="0" borderId="95" xfId="0" applyNumberFormat="1" applyFont="1" applyFill="1" applyBorder="1" applyAlignment="1">
      <alignment horizontal="center" vertical="center"/>
    </xf>
    <xf numFmtId="179" fontId="8" fillId="0" borderId="96" xfId="0" applyNumberFormat="1" applyFont="1" applyFill="1" applyBorder="1" applyAlignment="1">
      <alignment horizontal="center" vertical="center"/>
    </xf>
    <xf numFmtId="0" fontId="8" fillId="0" borderId="102" xfId="9" applyFont="1" applyFill="1" applyBorder="1" applyAlignment="1">
      <alignment horizontal="center" vertical="center" wrapText="1"/>
    </xf>
    <xf numFmtId="0" fontId="8" fillId="0" borderId="71" xfId="9" applyFont="1" applyFill="1" applyBorder="1" applyAlignment="1">
      <alignment horizontal="center" vertical="center" wrapText="1"/>
    </xf>
    <xf numFmtId="0" fontId="8" fillId="0" borderId="15" xfId="9" applyFont="1" applyFill="1" applyBorder="1" applyAlignment="1">
      <alignment horizontal="center" vertical="center" wrapText="1"/>
    </xf>
    <xf numFmtId="0" fontId="8" fillId="0" borderId="28" xfId="9" applyFont="1" applyFill="1" applyBorder="1" applyAlignment="1">
      <alignment horizontal="center" vertical="center" wrapText="1"/>
    </xf>
    <xf numFmtId="0" fontId="8" fillId="0" borderId="91" xfId="9" applyFont="1" applyFill="1" applyBorder="1" applyAlignment="1">
      <alignment horizontal="center" vertical="center" wrapText="1"/>
    </xf>
    <xf numFmtId="0" fontId="8" fillId="0" borderId="69" xfId="9" applyFont="1" applyFill="1" applyBorder="1" applyAlignment="1">
      <alignment horizontal="center" vertical="center" wrapText="1"/>
    </xf>
    <xf numFmtId="0" fontId="8" fillId="0" borderId="91" xfId="9" applyFont="1" applyFill="1" applyBorder="1" applyAlignment="1">
      <alignment horizontal="center" vertical="center"/>
    </xf>
    <xf numFmtId="0" fontId="8" fillId="0" borderId="69" xfId="9" applyFont="1" applyFill="1" applyBorder="1" applyAlignment="1">
      <alignment horizontal="center" vertical="center"/>
    </xf>
    <xf numFmtId="0" fontId="15" fillId="0" borderId="91" xfId="9" applyFont="1" applyFill="1" applyBorder="1" applyAlignment="1">
      <alignment horizontal="center" vertical="center"/>
    </xf>
    <xf numFmtId="0" fontId="15" fillId="0" borderId="69" xfId="9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74" xfId="0" applyFont="1" applyFill="1" applyBorder="1" applyAlignment="1">
      <alignment horizontal="center" vertical="center"/>
    </xf>
    <xf numFmtId="0" fontId="8" fillId="0" borderId="13" xfId="9" applyFont="1" applyFill="1" applyBorder="1" applyAlignment="1">
      <alignment horizontal="center" vertical="center" wrapText="1"/>
    </xf>
    <xf numFmtId="0" fontId="8" fillId="0" borderId="10" xfId="9" applyFont="1" applyFill="1" applyBorder="1" applyAlignment="1">
      <alignment horizontal="center" vertical="center" wrapText="1"/>
    </xf>
    <xf numFmtId="0" fontId="8" fillId="0" borderId="79" xfId="9" applyFont="1" applyFill="1" applyBorder="1" applyAlignment="1">
      <alignment horizontal="center" vertical="center" wrapText="1"/>
    </xf>
    <xf numFmtId="0" fontId="8" fillId="0" borderId="116" xfId="9" applyFont="1" applyFill="1" applyBorder="1" applyAlignment="1">
      <alignment horizontal="center" vertical="center" wrapText="1"/>
    </xf>
    <xf numFmtId="0" fontId="8" fillId="0" borderId="94" xfId="9" applyFont="1" applyFill="1" applyBorder="1" applyAlignment="1">
      <alignment horizontal="center" vertical="center" wrapText="1"/>
    </xf>
    <xf numFmtId="0" fontId="8" fillId="0" borderId="95" xfId="9" applyFont="1" applyFill="1" applyBorder="1" applyAlignment="1">
      <alignment horizontal="center" vertical="center" wrapText="1"/>
    </xf>
    <xf numFmtId="0" fontId="8" fillId="0" borderId="96" xfId="9" applyFont="1" applyFill="1" applyBorder="1" applyAlignment="1">
      <alignment horizontal="center" vertical="center" wrapText="1"/>
    </xf>
    <xf numFmtId="0" fontId="8" fillId="0" borderId="77" xfId="9" applyFont="1" applyFill="1" applyBorder="1" applyAlignment="1">
      <alignment horizontal="center" vertical="center" wrapText="1"/>
    </xf>
    <xf numFmtId="0" fontId="8" fillId="0" borderId="78" xfId="9" applyFont="1" applyFill="1" applyBorder="1" applyAlignment="1">
      <alignment horizontal="center" vertical="center" wrapText="1"/>
    </xf>
    <xf numFmtId="0" fontId="8" fillId="0" borderId="99" xfId="9" applyFont="1" applyFill="1" applyBorder="1" applyAlignment="1">
      <alignment horizontal="center" vertical="center" wrapText="1"/>
    </xf>
    <xf numFmtId="0" fontId="8" fillId="0" borderId="128" xfId="9" applyFont="1" applyFill="1" applyBorder="1" applyAlignment="1">
      <alignment horizontal="center" vertical="center" wrapText="1"/>
    </xf>
    <xf numFmtId="178" fontId="15" fillId="0" borderId="10" xfId="0" applyNumberFormat="1" applyFont="1" applyBorder="1" applyAlignment="1">
      <alignment horizontal="left" vertical="center" wrapText="1"/>
    </xf>
    <xf numFmtId="178" fontId="15" fillId="0" borderId="0" xfId="0" applyNumberFormat="1" applyFont="1" applyBorder="1" applyAlignment="1">
      <alignment horizontal="left" vertical="center" wrapText="1"/>
    </xf>
    <xf numFmtId="0" fontId="8" fillId="0" borderId="91" xfId="0" applyFont="1" applyFill="1" applyBorder="1" applyAlignment="1">
      <alignment horizontal="center" vertical="center"/>
    </xf>
    <xf numFmtId="0" fontId="8" fillId="0" borderId="69" xfId="0" applyFont="1" applyFill="1" applyBorder="1" applyAlignment="1">
      <alignment horizontal="center" vertical="center"/>
    </xf>
    <xf numFmtId="0" fontId="8" fillId="0" borderId="16" xfId="0" applyFont="1" applyFill="1" applyBorder="1" applyAlignment="1">
      <alignment horizontal="center" vertical="center"/>
    </xf>
    <xf numFmtId="0" fontId="8" fillId="0" borderId="17" xfId="0" applyFont="1" applyFill="1" applyBorder="1" applyAlignment="1">
      <alignment horizontal="center" vertical="center"/>
    </xf>
    <xf numFmtId="0" fontId="8" fillId="0" borderId="20" xfId="0" applyFont="1" applyFill="1" applyBorder="1" applyAlignment="1">
      <alignment horizontal="center" vertical="center"/>
    </xf>
    <xf numFmtId="0" fontId="8" fillId="0" borderId="7" xfId="0" applyFont="1" applyFill="1" applyBorder="1" applyAlignment="1">
      <alignment horizontal="center" vertical="center"/>
    </xf>
    <xf numFmtId="0" fontId="8" fillId="0" borderId="21" xfId="0" applyFont="1" applyFill="1" applyBorder="1" applyAlignment="1">
      <alignment horizontal="center" vertical="center"/>
    </xf>
    <xf numFmtId="0" fontId="8" fillId="0" borderId="39" xfId="0" applyFont="1" applyFill="1" applyBorder="1" applyAlignment="1">
      <alignment horizontal="center" vertical="center"/>
    </xf>
    <xf numFmtId="176" fontId="8" fillId="0" borderId="38" xfId="3" applyNumberFormat="1" applyFont="1" applyFill="1" applyBorder="1" applyAlignment="1">
      <alignment horizontal="center" vertical="center"/>
    </xf>
    <xf numFmtId="176" fontId="8" fillId="0" borderId="36" xfId="3" applyNumberFormat="1" applyFont="1" applyFill="1" applyBorder="1" applyAlignment="1">
      <alignment horizontal="center" vertical="center"/>
    </xf>
    <xf numFmtId="176" fontId="8" fillId="0" borderId="86" xfId="3" applyNumberFormat="1" applyFont="1" applyFill="1" applyBorder="1" applyAlignment="1">
      <alignment horizontal="center" vertical="center"/>
    </xf>
    <xf numFmtId="176" fontId="8" fillId="0" borderId="87" xfId="3" applyNumberFormat="1" applyFont="1" applyFill="1" applyBorder="1" applyAlignment="1">
      <alignment horizontal="center" vertical="center"/>
    </xf>
    <xf numFmtId="176" fontId="8" fillId="0" borderId="69" xfId="3" applyNumberFormat="1" applyFont="1" applyFill="1" applyBorder="1" applyAlignment="1">
      <alignment horizontal="center" vertical="center"/>
    </xf>
    <xf numFmtId="176" fontId="8" fillId="0" borderId="88" xfId="3" applyNumberFormat="1" applyFont="1" applyFill="1" applyBorder="1" applyAlignment="1">
      <alignment horizontal="center" vertical="center"/>
    </xf>
    <xf numFmtId="0" fontId="8" fillId="0" borderId="119" xfId="0" applyFont="1" applyFill="1" applyBorder="1" applyAlignment="1">
      <alignment horizontal="center" vertical="center"/>
    </xf>
    <xf numFmtId="0" fontId="8" fillId="0" borderId="105" xfId="0" applyFont="1" applyFill="1" applyBorder="1" applyAlignment="1">
      <alignment horizontal="center" vertical="center"/>
    </xf>
    <xf numFmtId="0" fontId="8" fillId="0" borderId="130" xfId="0" applyFont="1" applyFill="1" applyBorder="1" applyAlignment="1">
      <alignment horizontal="center" vertical="center"/>
    </xf>
    <xf numFmtId="179" fontId="8" fillId="0" borderId="131" xfId="0" applyNumberFormat="1" applyFont="1" applyFill="1" applyBorder="1" applyAlignment="1">
      <alignment horizontal="center" vertical="center"/>
    </xf>
    <xf numFmtId="179" fontId="8" fillId="0" borderId="81" xfId="0" applyNumberFormat="1" applyFont="1" applyFill="1" applyBorder="1" applyAlignment="1">
      <alignment horizontal="center" vertical="center"/>
    </xf>
    <xf numFmtId="179" fontId="8" fillId="0" borderId="77" xfId="0" applyNumberFormat="1" applyFont="1" applyFill="1" applyBorder="1" applyAlignment="1">
      <alignment horizontal="center" vertical="center" wrapText="1"/>
    </xf>
    <xf numFmtId="179" fontId="8" fillId="0" borderId="78" xfId="0" applyNumberFormat="1" applyFont="1" applyFill="1" applyBorder="1" applyAlignment="1">
      <alignment horizontal="center" vertical="center" wrapText="1"/>
    </xf>
  </cellXfs>
  <cellStyles count="10">
    <cellStyle name="スタイル 1" xfId="4" xr:uid="{00000000-0005-0000-0000-000007000000}"/>
    <cellStyle name="スタイル 2" xfId="5" xr:uid="{00000000-0005-0000-0000-000008000000}"/>
    <cellStyle name="パーセント" xfId="3" builtinId="5"/>
    <cellStyle name="パーセント 2" xfId="7" xr:uid="{00000000-0005-0000-0000-00000A000000}"/>
    <cellStyle name="桁区切り" xfId="2" builtinId="6"/>
    <cellStyle name="標準" xfId="0" builtinId="0"/>
    <cellStyle name="標準 2" xfId="1" xr:uid="{00000000-0005-0000-0000-000006000000}"/>
    <cellStyle name="標準 2 2" xfId="6" xr:uid="{00000000-0005-0000-0000-000009000000}"/>
    <cellStyle name="標準 2 2 2" xfId="8" xr:uid="{00000000-0005-0000-0000-00000B000000}"/>
    <cellStyle name="標準_課程別離職状況２" xfId="9" xr:uid="{00000000-0005-0000-0000-00000C000000}"/>
  </cellStyles>
  <dxfs count="1">
    <dxf>
      <fill>
        <patternFill>
          <bgColor theme="2"/>
        </patternFill>
      </fill>
    </dxf>
  </dxfs>
  <tableStyles count="1" defaultTableStyle="TableStyleMedium2" defaultPivotStyle="PivotStyleLight16">
    <tableStyle name="テーブル スタイル 1" pivot="0" count="1" xr9:uid="{00000000-0011-0000-FFFF-FFFF00000000}">
      <tableStyleElement type="totalRow" dxfId="0"/>
    </tableStyle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R37"/>
  <sheetViews>
    <sheetView tabSelected="1" view="pageBreakPreview" zoomScale="80" zoomScaleNormal="100" zoomScaleSheetLayoutView="80" zoomScalePageLayoutView="50" workbookViewId="0"/>
  </sheetViews>
  <sheetFormatPr defaultColWidth="14.59765625" defaultRowHeight="20.100000000000001" customHeight="1" x14ac:dyDescent="0.2"/>
  <cols>
    <col min="1" max="1" width="3.8984375" style="92" customWidth="1"/>
    <col min="2" max="2" width="14.59765625" style="94"/>
    <col min="3" max="4" width="14.59765625" style="92"/>
    <col min="5" max="5" width="14.59765625" style="107"/>
    <col min="6" max="6" width="14.59765625" style="92"/>
    <col min="7" max="7" width="14.59765625" style="110"/>
    <col min="8" max="9" width="14.59765625" style="92"/>
    <col min="10" max="10" width="14.59765625" style="107"/>
    <col min="11" max="11" width="14.59765625" style="92"/>
    <col min="12" max="12" width="14.59765625" style="110"/>
    <col min="13" max="14" width="14.59765625" style="92"/>
    <col min="15" max="15" width="14.59765625" style="107"/>
    <col min="16" max="16" width="14.59765625" style="92"/>
    <col min="17" max="17" width="14.59765625" style="110"/>
    <col min="18" max="16384" width="14.59765625" style="92"/>
  </cols>
  <sheetData>
    <row r="1" spans="1:17" ht="20.100000000000001" customHeight="1" x14ac:dyDescent="0.2">
      <c r="A1" s="178" t="s">
        <v>338</v>
      </c>
      <c r="B1" s="179" t="s">
        <v>167</v>
      </c>
      <c r="C1" s="180"/>
      <c r="D1" s="180"/>
      <c r="E1" s="181"/>
      <c r="F1" s="180"/>
      <c r="G1" s="182"/>
      <c r="H1" s="180"/>
      <c r="I1" s="180"/>
      <c r="J1" s="181"/>
      <c r="K1" s="180"/>
      <c r="L1" s="182"/>
      <c r="M1" s="180"/>
      <c r="N1" s="180"/>
      <c r="O1" s="181"/>
      <c r="P1" s="180"/>
      <c r="Q1" s="182"/>
    </row>
    <row r="2" spans="1:17" ht="20.100000000000001" customHeight="1" x14ac:dyDescent="0.2">
      <c r="A2" s="180"/>
      <c r="B2" s="179" t="s">
        <v>164</v>
      </c>
      <c r="C2" s="180"/>
      <c r="D2" s="180"/>
      <c r="E2" s="181"/>
      <c r="F2" s="180"/>
      <c r="G2" s="182"/>
      <c r="H2" s="180"/>
      <c r="I2" s="180"/>
      <c r="J2" s="181"/>
      <c r="K2" s="180"/>
      <c r="L2" s="182"/>
      <c r="M2" s="180"/>
      <c r="N2" s="180"/>
      <c r="O2" s="181"/>
      <c r="P2" s="180"/>
      <c r="Q2" s="182"/>
    </row>
    <row r="3" spans="1:17" ht="20.100000000000001" customHeight="1" x14ac:dyDescent="0.2">
      <c r="A3" s="180"/>
      <c r="B3" s="179" t="s">
        <v>163</v>
      </c>
      <c r="C3" s="180"/>
      <c r="D3" s="180"/>
      <c r="E3" s="183" t="s">
        <v>147</v>
      </c>
      <c r="F3" s="184"/>
      <c r="G3" s="185"/>
      <c r="H3" s="180"/>
      <c r="I3" s="180"/>
      <c r="J3" s="181"/>
      <c r="K3" s="180"/>
      <c r="L3" s="182"/>
      <c r="M3" s="180"/>
      <c r="N3" s="180"/>
      <c r="O3" s="181"/>
      <c r="P3" s="180"/>
      <c r="Q3" s="182"/>
    </row>
    <row r="4" spans="1:17" ht="20.100000000000001" customHeight="1" x14ac:dyDescent="0.2">
      <c r="A4" s="180"/>
      <c r="B4" s="186"/>
      <c r="C4" s="187"/>
      <c r="D4" s="187"/>
      <c r="E4" s="183" t="s">
        <v>91</v>
      </c>
      <c r="F4" s="188" t="s">
        <v>265</v>
      </c>
      <c r="G4" s="185"/>
      <c r="H4" s="180"/>
      <c r="I4" s="180"/>
      <c r="J4" s="181"/>
      <c r="K4" s="180"/>
      <c r="L4" s="182"/>
      <c r="M4" s="180"/>
      <c r="N4" s="180"/>
      <c r="O4" s="181"/>
      <c r="P4" s="180"/>
      <c r="Q4" s="182"/>
    </row>
    <row r="5" spans="1:17" ht="20.100000000000001" customHeight="1" thickBot="1" x14ac:dyDescent="0.25">
      <c r="A5" s="180"/>
      <c r="B5" s="189" t="s">
        <v>71</v>
      </c>
      <c r="C5" s="180"/>
      <c r="D5" s="180"/>
      <c r="E5" s="183" t="s">
        <v>84</v>
      </c>
      <c r="F5" s="188" t="s">
        <v>266</v>
      </c>
      <c r="G5" s="185"/>
      <c r="H5" s="180"/>
      <c r="I5" s="180"/>
      <c r="J5" s="181"/>
      <c r="K5" s="180"/>
      <c r="L5" s="182"/>
      <c r="M5" s="180"/>
      <c r="N5" s="180"/>
      <c r="O5" s="181"/>
      <c r="P5" s="180"/>
      <c r="Q5" s="182"/>
    </row>
    <row r="6" spans="1:17" ht="20.100000000000001" customHeight="1" x14ac:dyDescent="0.2">
      <c r="A6" s="180"/>
      <c r="B6" s="651" t="s">
        <v>7</v>
      </c>
      <c r="C6" s="653" t="s">
        <v>12</v>
      </c>
      <c r="D6" s="654"/>
      <c r="E6" s="654"/>
      <c r="F6" s="654"/>
      <c r="G6" s="655"/>
      <c r="H6" s="653" t="s">
        <v>13</v>
      </c>
      <c r="I6" s="654"/>
      <c r="J6" s="654"/>
      <c r="K6" s="654"/>
      <c r="L6" s="655"/>
      <c r="M6" s="653" t="s">
        <v>14</v>
      </c>
      <c r="N6" s="654"/>
      <c r="O6" s="654"/>
      <c r="P6" s="654"/>
      <c r="Q6" s="655"/>
    </row>
    <row r="7" spans="1:17" ht="20.100000000000001" customHeight="1" thickBot="1" x14ac:dyDescent="0.25">
      <c r="A7" s="180"/>
      <c r="B7" s="652"/>
      <c r="C7" s="190" t="s">
        <v>264</v>
      </c>
      <c r="D7" s="191" t="s">
        <v>263</v>
      </c>
      <c r="E7" s="192" t="s">
        <v>126</v>
      </c>
      <c r="F7" s="191" t="s">
        <v>168</v>
      </c>
      <c r="G7" s="193" t="s">
        <v>146</v>
      </c>
      <c r="H7" s="190" t="s">
        <v>264</v>
      </c>
      <c r="I7" s="191" t="s">
        <v>263</v>
      </c>
      <c r="J7" s="192" t="s">
        <v>126</v>
      </c>
      <c r="K7" s="191" t="s">
        <v>168</v>
      </c>
      <c r="L7" s="193" t="s">
        <v>146</v>
      </c>
      <c r="M7" s="190" t="s">
        <v>264</v>
      </c>
      <c r="N7" s="191" t="s">
        <v>263</v>
      </c>
      <c r="O7" s="192" t="s">
        <v>126</v>
      </c>
      <c r="P7" s="191" t="s">
        <v>168</v>
      </c>
      <c r="Q7" s="193" t="s">
        <v>146</v>
      </c>
    </row>
    <row r="8" spans="1:17" s="96" customFormat="1" ht="20.100000000000001" customHeight="1" thickTop="1" x14ac:dyDescent="0.2">
      <c r="A8" s="180"/>
      <c r="B8" s="194" t="s">
        <v>86</v>
      </c>
      <c r="C8" s="195">
        <v>2114</v>
      </c>
      <c r="D8" s="196">
        <v>2132</v>
      </c>
      <c r="E8" s="197">
        <v>2123</v>
      </c>
      <c r="F8" s="196">
        <v>328</v>
      </c>
      <c r="G8" s="72">
        <v>0.1544983513895431</v>
      </c>
      <c r="H8" s="195">
        <v>1550</v>
      </c>
      <c r="I8" s="196">
        <v>1549</v>
      </c>
      <c r="J8" s="197">
        <v>1549.5</v>
      </c>
      <c r="K8" s="196">
        <v>234</v>
      </c>
      <c r="L8" s="72">
        <v>0.15101645692158761</v>
      </c>
      <c r="M8" s="195">
        <v>564</v>
      </c>
      <c r="N8" s="196">
        <v>583</v>
      </c>
      <c r="O8" s="197">
        <v>573.5</v>
      </c>
      <c r="P8" s="196">
        <v>94</v>
      </c>
      <c r="Q8" s="162">
        <v>0.16390584132519617</v>
      </c>
    </row>
    <row r="9" spans="1:17" s="96" customFormat="1" ht="20.100000000000001" customHeight="1" x14ac:dyDescent="0.2">
      <c r="A9" s="180"/>
      <c r="B9" s="198" t="s">
        <v>87</v>
      </c>
      <c r="C9" s="199">
        <v>6041</v>
      </c>
      <c r="D9" s="200">
        <v>5942</v>
      </c>
      <c r="E9" s="197">
        <v>5991.5</v>
      </c>
      <c r="F9" s="196">
        <v>1110</v>
      </c>
      <c r="G9" s="72">
        <v>0.18526245514478845</v>
      </c>
      <c r="H9" s="199">
        <v>4739</v>
      </c>
      <c r="I9" s="200">
        <v>4672</v>
      </c>
      <c r="J9" s="197">
        <v>4705.5</v>
      </c>
      <c r="K9" s="200">
        <v>812</v>
      </c>
      <c r="L9" s="72">
        <v>0.17256402082669217</v>
      </c>
      <c r="M9" s="199">
        <v>1302</v>
      </c>
      <c r="N9" s="200">
        <v>1270</v>
      </c>
      <c r="O9" s="197">
        <v>1286</v>
      </c>
      <c r="P9" s="200">
        <v>298</v>
      </c>
      <c r="Q9" s="54">
        <v>0.2317262830482115</v>
      </c>
    </row>
    <row r="10" spans="1:17" s="96" customFormat="1" ht="20.100000000000001" customHeight="1" x14ac:dyDescent="0.2">
      <c r="A10" s="180"/>
      <c r="B10" s="198" t="s">
        <v>88</v>
      </c>
      <c r="C10" s="199">
        <v>5494</v>
      </c>
      <c r="D10" s="200">
        <v>5356</v>
      </c>
      <c r="E10" s="197">
        <v>5425</v>
      </c>
      <c r="F10" s="196">
        <v>903</v>
      </c>
      <c r="G10" s="72">
        <v>0.1664516129032258</v>
      </c>
      <c r="H10" s="199">
        <v>4715</v>
      </c>
      <c r="I10" s="200">
        <v>4538</v>
      </c>
      <c r="J10" s="197">
        <v>4626.5</v>
      </c>
      <c r="K10" s="200">
        <v>737</v>
      </c>
      <c r="L10" s="72">
        <v>0.15929968658813357</v>
      </c>
      <c r="M10" s="199">
        <v>779</v>
      </c>
      <c r="N10" s="200">
        <v>818</v>
      </c>
      <c r="O10" s="197">
        <v>798.5</v>
      </c>
      <c r="P10" s="200">
        <v>166</v>
      </c>
      <c r="Q10" s="54">
        <v>0.20788979336255478</v>
      </c>
    </row>
    <row r="11" spans="1:17" s="96" customFormat="1" ht="20.100000000000001" customHeight="1" x14ac:dyDescent="0.2">
      <c r="A11" s="180"/>
      <c r="B11" s="198" t="s">
        <v>89</v>
      </c>
      <c r="C11" s="199">
        <v>5675</v>
      </c>
      <c r="D11" s="200">
        <v>5408</v>
      </c>
      <c r="E11" s="197">
        <v>5541.5</v>
      </c>
      <c r="F11" s="196">
        <v>862</v>
      </c>
      <c r="G11" s="72">
        <v>0.15555355048272129</v>
      </c>
      <c r="H11" s="199">
        <v>5178</v>
      </c>
      <c r="I11" s="200">
        <v>4898</v>
      </c>
      <c r="J11" s="197">
        <v>5038</v>
      </c>
      <c r="K11" s="200">
        <v>750</v>
      </c>
      <c r="L11" s="72">
        <v>0.14886859865025803</v>
      </c>
      <c r="M11" s="199">
        <v>497</v>
      </c>
      <c r="N11" s="200">
        <v>510</v>
      </c>
      <c r="O11" s="197">
        <v>503.5</v>
      </c>
      <c r="P11" s="200">
        <v>112</v>
      </c>
      <c r="Q11" s="54">
        <v>0.22244289970208539</v>
      </c>
    </row>
    <row r="12" spans="1:17" s="96" customFormat="1" ht="20.100000000000001" customHeight="1" x14ac:dyDescent="0.2">
      <c r="A12" s="180"/>
      <c r="B12" s="198" t="s">
        <v>90</v>
      </c>
      <c r="C12" s="199">
        <v>6126</v>
      </c>
      <c r="D12" s="200">
        <v>5904</v>
      </c>
      <c r="E12" s="197">
        <v>6015</v>
      </c>
      <c r="F12" s="196">
        <v>703</v>
      </c>
      <c r="G12" s="72">
        <v>0.1168744804655029</v>
      </c>
      <c r="H12" s="199">
        <v>5578</v>
      </c>
      <c r="I12" s="200">
        <v>5354</v>
      </c>
      <c r="J12" s="197">
        <v>5466</v>
      </c>
      <c r="K12" s="200">
        <v>645</v>
      </c>
      <c r="L12" s="72">
        <v>0.11800219538968167</v>
      </c>
      <c r="M12" s="199">
        <v>548</v>
      </c>
      <c r="N12" s="200">
        <v>550</v>
      </c>
      <c r="O12" s="197">
        <v>549</v>
      </c>
      <c r="P12" s="200">
        <v>58</v>
      </c>
      <c r="Q12" s="54">
        <v>0.10564663023679417</v>
      </c>
    </row>
    <row r="13" spans="1:17" s="99" customFormat="1" ht="20.100000000000001" customHeight="1" thickBot="1" x14ac:dyDescent="0.25">
      <c r="A13" s="201"/>
      <c r="B13" s="202" t="s">
        <v>10</v>
      </c>
      <c r="C13" s="203">
        <v>16215</v>
      </c>
      <c r="D13" s="204">
        <v>15397</v>
      </c>
      <c r="E13" s="205">
        <v>15806</v>
      </c>
      <c r="F13" s="206">
        <v>1817</v>
      </c>
      <c r="G13" s="207">
        <v>0.11495634569150956</v>
      </c>
      <c r="H13" s="203">
        <v>15520</v>
      </c>
      <c r="I13" s="204">
        <v>14773</v>
      </c>
      <c r="J13" s="205">
        <v>15146.5</v>
      </c>
      <c r="K13" s="204">
        <v>1720</v>
      </c>
      <c r="L13" s="207">
        <v>0.11355758756148285</v>
      </c>
      <c r="M13" s="203">
        <v>695</v>
      </c>
      <c r="N13" s="204">
        <v>624</v>
      </c>
      <c r="O13" s="205">
        <v>659.5</v>
      </c>
      <c r="P13" s="204">
        <v>97</v>
      </c>
      <c r="Q13" s="207">
        <v>0.14708112206216831</v>
      </c>
    </row>
    <row r="14" spans="1:17" s="96" customFormat="1" ht="20.100000000000001" customHeight="1" thickTop="1" thickBot="1" x14ac:dyDescent="0.25">
      <c r="A14" s="180"/>
      <c r="B14" s="208" t="s">
        <v>15</v>
      </c>
      <c r="C14" s="209">
        <v>41665</v>
      </c>
      <c r="D14" s="210">
        <v>40139</v>
      </c>
      <c r="E14" s="211">
        <v>40902</v>
      </c>
      <c r="F14" s="212">
        <v>5723</v>
      </c>
      <c r="G14" s="170">
        <v>0.13991980832233142</v>
      </c>
      <c r="H14" s="209">
        <v>37280</v>
      </c>
      <c r="I14" s="210">
        <v>35784</v>
      </c>
      <c r="J14" s="211">
        <v>36532</v>
      </c>
      <c r="K14" s="212">
        <v>4898</v>
      </c>
      <c r="L14" s="170">
        <v>0.13407423628599585</v>
      </c>
      <c r="M14" s="209">
        <v>4385</v>
      </c>
      <c r="N14" s="210">
        <v>4355</v>
      </c>
      <c r="O14" s="211">
        <v>4370</v>
      </c>
      <c r="P14" s="212">
        <v>825</v>
      </c>
      <c r="Q14" s="170">
        <v>0.18878718535469108</v>
      </c>
    </row>
    <row r="15" spans="1:17" ht="20.100000000000001" customHeight="1" x14ac:dyDescent="0.2">
      <c r="A15" s="180"/>
      <c r="B15" s="187"/>
      <c r="C15" s="180"/>
      <c r="D15" s="180"/>
      <c r="E15" s="181"/>
      <c r="F15" s="180"/>
      <c r="G15" s="182"/>
      <c r="H15" s="180"/>
      <c r="I15" s="180"/>
      <c r="J15" s="181"/>
      <c r="K15" s="180"/>
      <c r="L15" s="182"/>
      <c r="M15" s="180"/>
      <c r="N15" s="180"/>
      <c r="O15" s="181"/>
      <c r="P15" s="180"/>
      <c r="Q15" s="182"/>
    </row>
    <row r="16" spans="1:17" ht="20.100000000000001" customHeight="1" thickBot="1" x14ac:dyDescent="0.25">
      <c r="A16" s="180"/>
      <c r="B16" s="189" t="s">
        <v>16</v>
      </c>
      <c r="C16" s="180"/>
      <c r="D16" s="180"/>
      <c r="E16" s="181"/>
      <c r="F16" s="180"/>
      <c r="G16" s="182"/>
      <c r="H16" s="180"/>
      <c r="I16" s="180"/>
      <c r="J16" s="181"/>
      <c r="K16" s="180"/>
      <c r="L16" s="182"/>
      <c r="M16" s="180"/>
      <c r="N16" s="180"/>
      <c r="O16" s="181"/>
      <c r="P16" s="180"/>
      <c r="Q16" s="182"/>
    </row>
    <row r="17" spans="1:18" ht="20.100000000000001" customHeight="1" x14ac:dyDescent="0.2">
      <c r="A17" s="180"/>
      <c r="B17" s="651" t="s">
        <v>72</v>
      </c>
      <c r="C17" s="653" t="s">
        <v>12</v>
      </c>
      <c r="D17" s="654"/>
      <c r="E17" s="654"/>
      <c r="F17" s="654"/>
      <c r="G17" s="655"/>
      <c r="H17" s="653" t="s">
        <v>13</v>
      </c>
      <c r="I17" s="654"/>
      <c r="J17" s="654"/>
      <c r="K17" s="654"/>
      <c r="L17" s="655"/>
      <c r="M17" s="653" t="s">
        <v>14</v>
      </c>
      <c r="N17" s="654"/>
      <c r="O17" s="654"/>
      <c r="P17" s="654"/>
      <c r="Q17" s="655"/>
    </row>
    <row r="18" spans="1:18" ht="20.100000000000001" customHeight="1" thickBot="1" x14ac:dyDescent="0.25">
      <c r="A18" s="180"/>
      <c r="B18" s="652"/>
      <c r="C18" s="190" t="s">
        <v>264</v>
      </c>
      <c r="D18" s="191" t="s">
        <v>263</v>
      </c>
      <c r="E18" s="192" t="s">
        <v>126</v>
      </c>
      <c r="F18" s="191" t="s">
        <v>168</v>
      </c>
      <c r="G18" s="193" t="s">
        <v>146</v>
      </c>
      <c r="H18" s="190" t="s">
        <v>264</v>
      </c>
      <c r="I18" s="191" t="s">
        <v>263</v>
      </c>
      <c r="J18" s="192" t="s">
        <v>126</v>
      </c>
      <c r="K18" s="191" t="s">
        <v>168</v>
      </c>
      <c r="L18" s="193" t="s">
        <v>146</v>
      </c>
      <c r="M18" s="190" t="s">
        <v>264</v>
      </c>
      <c r="N18" s="191" t="s">
        <v>263</v>
      </c>
      <c r="O18" s="192" t="s">
        <v>126</v>
      </c>
      <c r="P18" s="191" t="s">
        <v>168</v>
      </c>
      <c r="Q18" s="193" t="s">
        <v>146</v>
      </c>
    </row>
    <row r="19" spans="1:18" ht="20.100000000000001" customHeight="1" thickTop="1" x14ac:dyDescent="0.2">
      <c r="A19" s="180"/>
      <c r="B19" s="194" t="s">
        <v>17</v>
      </c>
      <c r="C19" s="213">
        <v>350</v>
      </c>
      <c r="D19" s="214">
        <v>343</v>
      </c>
      <c r="E19" s="215">
        <v>346.5</v>
      </c>
      <c r="F19" s="216">
        <v>31</v>
      </c>
      <c r="G19" s="72">
        <v>8.9466089466089471E-2</v>
      </c>
      <c r="H19" s="195">
        <v>327</v>
      </c>
      <c r="I19" s="196">
        <v>318</v>
      </c>
      <c r="J19" s="197">
        <v>322.5</v>
      </c>
      <c r="K19" s="196">
        <v>25</v>
      </c>
      <c r="L19" s="72">
        <v>7.7519379844961239E-2</v>
      </c>
      <c r="M19" s="195">
        <v>23</v>
      </c>
      <c r="N19" s="196">
        <v>25</v>
      </c>
      <c r="O19" s="197">
        <v>24</v>
      </c>
      <c r="P19" s="196">
        <v>6</v>
      </c>
      <c r="Q19" s="72">
        <v>0.25</v>
      </c>
    </row>
    <row r="20" spans="1:18" ht="20.100000000000001" customHeight="1" x14ac:dyDescent="0.2">
      <c r="A20" s="180"/>
      <c r="B20" s="198" t="s">
        <v>18</v>
      </c>
      <c r="C20" s="195">
        <v>1283</v>
      </c>
      <c r="D20" s="196">
        <v>1192</v>
      </c>
      <c r="E20" s="197">
        <v>1237.5</v>
      </c>
      <c r="F20" s="196">
        <v>158</v>
      </c>
      <c r="G20" s="72">
        <v>0.12767676767676767</v>
      </c>
      <c r="H20" s="199">
        <v>1177</v>
      </c>
      <c r="I20" s="200">
        <v>1089</v>
      </c>
      <c r="J20" s="197">
        <v>1133</v>
      </c>
      <c r="K20" s="200">
        <v>142</v>
      </c>
      <c r="L20" s="72">
        <v>0.12533097969991175</v>
      </c>
      <c r="M20" s="199">
        <v>106</v>
      </c>
      <c r="N20" s="200">
        <v>103</v>
      </c>
      <c r="O20" s="197">
        <v>104.5</v>
      </c>
      <c r="P20" s="200">
        <v>16</v>
      </c>
      <c r="Q20" s="72">
        <v>0.15311004784688995</v>
      </c>
    </row>
    <row r="21" spans="1:18" ht="20.100000000000001" customHeight="1" x14ac:dyDescent="0.2">
      <c r="A21" s="180"/>
      <c r="B21" s="198" t="s">
        <v>19</v>
      </c>
      <c r="C21" s="195">
        <v>38682</v>
      </c>
      <c r="D21" s="196">
        <v>37302</v>
      </c>
      <c r="E21" s="197">
        <v>37992</v>
      </c>
      <c r="F21" s="196">
        <v>5331</v>
      </c>
      <c r="G21" s="72">
        <v>0.14031901452937459</v>
      </c>
      <c r="H21" s="199">
        <v>34783</v>
      </c>
      <c r="I21" s="200">
        <v>33412</v>
      </c>
      <c r="J21" s="197">
        <v>34097.5</v>
      </c>
      <c r="K21" s="200">
        <v>4606</v>
      </c>
      <c r="L21" s="72">
        <v>0.13508321724466604</v>
      </c>
      <c r="M21" s="199">
        <v>3899</v>
      </c>
      <c r="N21" s="200">
        <v>3890</v>
      </c>
      <c r="O21" s="197">
        <v>3894.5</v>
      </c>
      <c r="P21" s="200">
        <v>725</v>
      </c>
      <c r="Q21" s="72">
        <v>0.18615996918731545</v>
      </c>
    </row>
    <row r="22" spans="1:18" ht="20.100000000000001" customHeight="1" thickBot="1" x14ac:dyDescent="0.25">
      <c r="A22" s="180"/>
      <c r="B22" s="217" t="s">
        <v>20</v>
      </c>
      <c r="C22" s="218">
        <v>1350</v>
      </c>
      <c r="D22" s="219">
        <v>1302</v>
      </c>
      <c r="E22" s="220">
        <v>1326</v>
      </c>
      <c r="F22" s="219">
        <v>203</v>
      </c>
      <c r="G22" s="62">
        <v>0.15309200603318251</v>
      </c>
      <c r="H22" s="218">
        <v>993</v>
      </c>
      <c r="I22" s="219">
        <v>965</v>
      </c>
      <c r="J22" s="220">
        <v>979</v>
      </c>
      <c r="K22" s="219">
        <v>125</v>
      </c>
      <c r="L22" s="62">
        <v>0.12768130745658834</v>
      </c>
      <c r="M22" s="218">
        <v>357</v>
      </c>
      <c r="N22" s="219">
        <v>337</v>
      </c>
      <c r="O22" s="220">
        <v>347</v>
      </c>
      <c r="P22" s="219">
        <v>78</v>
      </c>
      <c r="Q22" s="62">
        <v>0.22478386167146974</v>
      </c>
    </row>
    <row r="23" spans="1:18" s="96" customFormat="1" ht="20.100000000000001" customHeight="1" thickTop="1" thickBot="1" x14ac:dyDescent="0.25">
      <c r="A23" s="180"/>
      <c r="B23" s="208" t="s">
        <v>15</v>
      </c>
      <c r="C23" s="209">
        <v>41665</v>
      </c>
      <c r="D23" s="212">
        <v>40139</v>
      </c>
      <c r="E23" s="211">
        <v>40902</v>
      </c>
      <c r="F23" s="212">
        <v>5723</v>
      </c>
      <c r="G23" s="170">
        <v>0.13991980832233142</v>
      </c>
      <c r="H23" s="209">
        <v>37280</v>
      </c>
      <c r="I23" s="210">
        <v>35784</v>
      </c>
      <c r="J23" s="211">
        <v>36532</v>
      </c>
      <c r="K23" s="212">
        <v>4898</v>
      </c>
      <c r="L23" s="170">
        <v>0.13407423628599585</v>
      </c>
      <c r="M23" s="209">
        <v>4385</v>
      </c>
      <c r="N23" s="210">
        <v>4355</v>
      </c>
      <c r="O23" s="211">
        <v>4370</v>
      </c>
      <c r="P23" s="212">
        <v>825</v>
      </c>
      <c r="Q23" s="170">
        <v>0.18878718535469108</v>
      </c>
      <c r="R23" s="92"/>
    </row>
    <row r="24" spans="1:18" ht="20.100000000000001" customHeight="1" x14ac:dyDescent="0.2">
      <c r="A24" s="180"/>
      <c r="B24" s="187"/>
      <c r="C24" s="180"/>
      <c r="D24" s="180"/>
      <c r="E24" s="181"/>
      <c r="F24" s="180"/>
      <c r="G24" s="182"/>
      <c r="H24" s="180"/>
      <c r="I24" s="180"/>
      <c r="J24" s="181"/>
      <c r="K24" s="180"/>
      <c r="L24" s="182"/>
      <c r="M24" s="180"/>
      <c r="N24" s="180"/>
      <c r="O24" s="181"/>
      <c r="P24" s="180"/>
      <c r="Q24" s="182"/>
    </row>
    <row r="25" spans="1:18" ht="20.100000000000001" customHeight="1" thickBot="1" x14ac:dyDescent="0.25">
      <c r="A25" s="180"/>
      <c r="B25" s="189" t="s">
        <v>21</v>
      </c>
      <c r="C25" s="180"/>
      <c r="D25" s="180"/>
      <c r="E25" s="181"/>
      <c r="F25" s="180"/>
      <c r="G25" s="182"/>
      <c r="H25" s="221"/>
      <c r="I25" s="221"/>
      <c r="J25" s="222"/>
      <c r="K25" s="221"/>
      <c r="L25" s="223"/>
      <c r="M25" s="221"/>
      <c r="N25" s="221"/>
      <c r="O25" s="222"/>
      <c r="P25" s="221"/>
      <c r="Q25" s="182"/>
    </row>
    <row r="26" spans="1:18" ht="20.100000000000001" customHeight="1" x14ac:dyDescent="0.2">
      <c r="A26" s="180"/>
      <c r="B26" s="651" t="s">
        <v>22</v>
      </c>
      <c r="C26" s="653" t="s">
        <v>12</v>
      </c>
      <c r="D26" s="654"/>
      <c r="E26" s="654"/>
      <c r="F26" s="654"/>
      <c r="G26" s="655"/>
      <c r="H26" s="653" t="s">
        <v>13</v>
      </c>
      <c r="I26" s="654"/>
      <c r="J26" s="654"/>
      <c r="K26" s="654"/>
      <c r="L26" s="655"/>
      <c r="M26" s="653" t="s">
        <v>14</v>
      </c>
      <c r="N26" s="654"/>
      <c r="O26" s="654"/>
      <c r="P26" s="654"/>
      <c r="Q26" s="655"/>
    </row>
    <row r="27" spans="1:18" ht="20.100000000000001" customHeight="1" thickBot="1" x14ac:dyDescent="0.25">
      <c r="A27" s="180"/>
      <c r="B27" s="652"/>
      <c r="C27" s="190" t="s">
        <v>264</v>
      </c>
      <c r="D27" s="191" t="s">
        <v>263</v>
      </c>
      <c r="E27" s="192" t="s">
        <v>126</v>
      </c>
      <c r="F27" s="191" t="s">
        <v>168</v>
      </c>
      <c r="G27" s="193" t="s">
        <v>146</v>
      </c>
      <c r="H27" s="190" t="s">
        <v>264</v>
      </c>
      <c r="I27" s="191" t="s">
        <v>263</v>
      </c>
      <c r="J27" s="192" t="s">
        <v>126</v>
      </c>
      <c r="K27" s="191" t="s">
        <v>168</v>
      </c>
      <c r="L27" s="193" t="s">
        <v>146</v>
      </c>
      <c r="M27" s="190" t="s">
        <v>264</v>
      </c>
      <c r="N27" s="191" t="s">
        <v>263</v>
      </c>
      <c r="O27" s="192" t="s">
        <v>126</v>
      </c>
      <c r="P27" s="191" t="s">
        <v>168</v>
      </c>
      <c r="Q27" s="193" t="s">
        <v>146</v>
      </c>
    </row>
    <row r="28" spans="1:18" s="96" customFormat="1" ht="20.100000000000001" customHeight="1" thickTop="1" x14ac:dyDescent="0.2">
      <c r="A28" s="180"/>
      <c r="B28" s="194" t="s">
        <v>23</v>
      </c>
      <c r="C28" s="195">
        <v>18161</v>
      </c>
      <c r="D28" s="196">
        <v>17393</v>
      </c>
      <c r="E28" s="197">
        <v>17777</v>
      </c>
      <c r="F28" s="196">
        <v>2481</v>
      </c>
      <c r="G28" s="72">
        <v>0.13956235585306856</v>
      </c>
      <c r="H28" s="195">
        <v>16578</v>
      </c>
      <c r="I28" s="196">
        <v>15901</v>
      </c>
      <c r="J28" s="197">
        <v>16239.5</v>
      </c>
      <c r="K28" s="196">
        <v>2176</v>
      </c>
      <c r="L28" s="72">
        <v>0.13399427322269775</v>
      </c>
      <c r="M28" s="195">
        <v>1583</v>
      </c>
      <c r="N28" s="196">
        <v>1492</v>
      </c>
      <c r="O28" s="197">
        <v>1537.5</v>
      </c>
      <c r="P28" s="196">
        <v>305</v>
      </c>
      <c r="Q28" s="72">
        <v>0.19837398373983739</v>
      </c>
    </row>
    <row r="29" spans="1:18" s="96" customFormat="1" ht="20.100000000000001" customHeight="1" x14ac:dyDescent="0.2">
      <c r="A29" s="180"/>
      <c r="B29" s="198" t="s">
        <v>24</v>
      </c>
      <c r="C29" s="199">
        <v>7248</v>
      </c>
      <c r="D29" s="200">
        <v>6916</v>
      </c>
      <c r="E29" s="197">
        <v>7082</v>
      </c>
      <c r="F29" s="200">
        <v>1075</v>
      </c>
      <c r="G29" s="72">
        <v>0.15179327873482068</v>
      </c>
      <c r="H29" s="199">
        <v>6549</v>
      </c>
      <c r="I29" s="200">
        <v>6189</v>
      </c>
      <c r="J29" s="197">
        <v>6369</v>
      </c>
      <c r="K29" s="200">
        <v>939</v>
      </c>
      <c r="L29" s="72">
        <v>0.1474328780028262</v>
      </c>
      <c r="M29" s="199">
        <v>699</v>
      </c>
      <c r="N29" s="200">
        <v>727</v>
      </c>
      <c r="O29" s="197">
        <v>713</v>
      </c>
      <c r="P29" s="200">
        <v>136</v>
      </c>
      <c r="Q29" s="72">
        <v>0.19074333800841514</v>
      </c>
    </row>
    <row r="30" spans="1:18" s="96" customFormat="1" ht="20.100000000000001" customHeight="1" x14ac:dyDescent="0.2">
      <c r="A30" s="180"/>
      <c r="B30" s="198" t="s">
        <v>25</v>
      </c>
      <c r="C30" s="199">
        <v>3595</v>
      </c>
      <c r="D30" s="200">
        <v>3483</v>
      </c>
      <c r="E30" s="197">
        <v>3539</v>
      </c>
      <c r="F30" s="200">
        <v>471</v>
      </c>
      <c r="G30" s="72">
        <v>0.13308844306301215</v>
      </c>
      <c r="H30" s="199">
        <v>3185</v>
      </c>
      <c r="I30" s="200">
        <v>3054</v>
      </c>
      <c r="J30" s="197">
        <v>3119.5</v>
      </c>
      <c r="K30" s="200">
        <v>393</v>
      </c>
      <c r="L30" s="72">
        <v>0.12598172784100017</v>
      </c>
      <c r="M30" s="199">
        <v>410</v>
      </c>
      <c r="N30" s="200">
        <v>429</v>
      </c>
      <c r="O30" s="197">
        <v>419.5</v>
      </c>
      <c r="P30" s="200">
        <v>78</v>
      </c>
      <c r="Q30" s="72">
        <v>0.18593563766388557</v>
      </c>
    </row>
    <row r="31" spans="1:18" s="96" customFormat="1" ht="20.100000000000001" customHeight="1" x14ac:dyDescent="0.2">
      <c r="A31" s="180"/>
      <c r="B31" s="198" t="s">
        <v>26</v>
      </c>
      <c r="C31" s="199">
        <v>3374</v>
      </c>
      <c r="D31" s="200">
        <v>3299</v>
      </c>
      <c r="E31" s="197">
        <v>3336.5</v>
      </c>
      <c r="F31" s="200">
        <v>518</v>
      </c>
      <c r="G31" s="72">
        <v>0.15525251011539037</v>
      </c>
      <c r="H31" s="199">
        <v>2887</v>
      </c>
      <c r="I31" s="200">
        <v>2781</v>
      </c>
      <c r="J31" s="197">
        <v>2834</v>
      </c>
      <c r="K31" s="200">
        <v>415</v>
      </c>
      <c r="L31" s="72">
        <v>0.14643613267466479</v>
      </c>
      <c r="M31" s="199">
        <v>487</v>
      </c>
      <c r="N31" s="200">
        <v>518</v>
      </c>
      <c r="O31" s="197">
        <v>502.5</v>
      </c>
      <c r="P31" s="200">
        <v>103</v>
      </c>
      <c r="Q31" s="72">
        <v>0.20497512437810944</v>
      </c>
    </row>
    <row r="32" spans="1:18" s="96" customFormat="1" ht="20.100000000000001" customHeight="1" x14ac:dyDescent="0.2">
      <c r="A32" s="180"/>
      <c r="B32" s="198" t="s">
        <v>27</v>
      </c>
      <c r="C32" s="199">
        <v>2075</v>
      </c>
      <c r="D32" s="200">
        <v>2029</v>
      </c>
      <c r="E32" s="197">
        <v>2052</v>
      </c>
      <c r="F32" s="200">
        <v>226</v>
      </c>
      <c r="G32" s="72">
        <v>0.11013645224171539</v>
      </c>
      <c r="H32" s="199">
        <v>1732</v>
      </c>
      <c r="I32" s="200">
        <v>1680</v>
      </c>
      <c r="J32" s="197">
        <v>1706</v>
      </c>
      <c r="K32" s="200">
        <v>192</v>
      </c>
      <c r="L32" s="72">
        <v>0.11254396248534584</v>
      </c>
      <c r="M32" s="199">
        <v>343</v>
      </c>
      <c r="N32" s="200">
        <v>349</v>
      </c>
      <c r="O32" s="197">
        <v>346</v>
      </c>
      <c r="P32" s="200">
        <v>34</v>
      </c>
      <c r="Q32" s="72">
        <v>9.8265895953757232E-2</v>
      </c>
    </row>
    <row r="33" spans="1:17" s="96" customFormat="1" ht="20.100000000000001" customHeight="1" x14ac:dyDescent="0.2">
      <c r="A33" s="180"/>
      <c r="B33" s="198" t="s">
        <v>28</v>
      </c>
      <c r="C33" s="199">
        <v>3382</v>
      </c>
      <c r="D33" s="200">
        <v>3322</v>
      </c>
      <c r="E33" s="197">
        <v>3352</v>
      </c>
      <c r="F33" s="200">
        <v>395</v>
      </c>
      <c r="G33" s="72">
        <v>0.1178400954653938</v>
      </c>
      <c r="H33" s="199">
        <v>3094</v>
      </c>
      <c r="I33" s="200">
        <v>3019</v>
      </c>
      <c r="J33" s="197">
        <v>3056.5</v>
      </c>
      <c r="K33" s="200">
        <v>344</v>
      </c>
      <c r="L33" s="72">
        <v>0.11254703091771634</v>
      </c>
      <c r="M33" s="199">
        <v>288</v>
      </c>
      <c r="N33" s="200">
        <v>303</v>
      </c>
      <c r="O33" s="197">
        <v>295.5</v>
      </c>
      <c r="P33" s="200">
        <v>51</v>
      </c>
      <c r="Q33" s="72">
        <v>0.17258883248730963</v>
      </c>
    </row>
    <row r="34" spans="1:17" s="96" customFormat="1" ht="20.100000000000001" customHeight="1" x14ac:dyDescent="0.2">
      <c r="A34" s="180"/>
      <c r="B34" s="198" t="s">
        <v>29</v>
      </c>
      <c r="C34" s="199">
        <v>2490</v>
      </c>
      <c r="D34" s="200">
        <v>2419</v>
      </c>
      <c r="E34" s="197">
        <v>2454.5</v>
      </c>
      <c r="F34" s="200">
        <v>378</v>
      </c>
      <c r="G34" s="72">
        <v>0.15400285190466489</v>
      </c>
      <c r="H34" s="199">
        <v>2110</v>
      </c>
      <c r="I34" s="200">
        <v>2060</v>
      </c>
      <c r="J34" s="197">
        <v>2085</v>
      </c>
      <c r="K34" s="200">
        <v>292</v>
      </c>
      <c r="L34" s="72">
        <v>0.14004796163069544</v>
      </c>
      <c r="M34" s="199">
        <v>380</v>
      </c>
      <c r="N34" s="200">
        <v>359</v>
      </c>
      <c r="O34" s="197">
        <v>369.5</v>
      </c>
      <c r="P34" s="200">
        <v>86</v>
      </c>
      <c r="Q34" s="72">
        <v>0.2327469553450609</v>
      </c>
    </row>
    <row r="35" spans="1:17" s="96" customFormat="1" ht="20.100000000000001" customHeight="1" thickBot="1" x14ac:dyDescent="0.25">
      <c r="A35" s="180"/>
      <c r="B35" s="217" t="s">
        <v>30</v>
      </c>
      <c r="C35" s="195">
        <v>1340</v>
      </c>
      <c r="D35" s="219">
        <v>1278</v>
      </c>
      <c r="E35" s="220">
        <v>1309</v>
      </c>
      <c r="F35" s="219">
        <v>179</v>
      </c>
      <c r="G35" s="62">
        <v>0.13674560733384264</v>
      </c>
      <c r="H35" s="218">
        <v>1145</v>
      </c>
      <c r="I35" s="219">
        <v>1100</v>
      </c>
      <c r="J35" s="220">
        <v>1122.5</v>
      </c>
      <c r="K35" s="219">
        <v>147</v>
      </c>
      <c r="L35" s="62">
        <v>0.1309576837416481</v>
      </c>
      <c r="M35" s="218">
        <v>195</v>
      </c>
      <c r="N35" s="219">
        <v>178</v>
      </c>
      <c r="O35" s="220">
        <v>186.5</v>
      </c>
      <c r="P35" s="219">
        <v>32</v>
      </c>
      <c r="Q35" s="62">
        <v>0.17158176943699732</v>
      </c>
    </row>
    <row r="36" spans="1:17" s="96" customFormat="1" ht="20.100000000000001" customHeight="1" thickTop="1" thickBot="1" x14ac:dyDescent="0.25">
      <c r="A36" s="180"/>
      <c r="B36" s="208" t="s">
        <v>11</v>
      </c>
      <c r="C36" s="209">
        <v>41665</v>
      </c>
      <c r="D36" s="210">
        <v>40139</v>
      </c>
      <c r="E36" s="211">
        <v>40902</v>
      </c>
      <c r="F36" s="212">
        <v>5723</v>
      </c>
      <c r="G36" s="170">
        <v>0.13991980832233142</v>
      </c>
      <c r="H36" s="209">
        <v>37280</v>
      </c>
      <c r="I36" s="210">
        <v>35784</v>
      </c>
      <c r="J36" s="211">
        <v>36532</v>
      </c>
      <c r="K36" s="212">
        <v>4898</v>
      </c>
      <c r="L36" s="170">
        <v>0.13407423628599585</v>
      </c>
      <c r="M36" s="209">
        <v>4385</v>
      </c>
      <c r="N36" s="210">
        <v>4355</v>
      </c>
      <c r="O36" s="211">
        <v>4370</v>
      </c>
      <c r="P36" s="212">
        <v>825</v>
      </c>
      <c r="Q36" s="170">
        <v>0.18878718535469108</v>
      </c>
    </row>
    <row r="37" spans="1:17" ht="20.100000000000001" customHeight="1" x14ac:dyDescent="0.2">
      <c r="C37" s="94"/>
      <c r="D37" s="94"/>
      <c r="E37" s="108"/>
      <c r="F37" s="94"/>
      <c r="H37" s="105"/>
      <c r="I37" s="105"/>
      <c r="J37" s="109"/>
      <c r="K37" s="105"/>
      <c r="L37" s="111"/>
      <c r="M37" s="105"/>
      <c r="N37" s="105"/>
      <c r="O37" s="109"/>
      <c r="P37" s="105"/>
    </row>
  </sheetData>
  <mergeCells count="12">
    <mergeCell ref="B26:B27"/>
    <mergeCell ref="C26:G26"/>
    <mergeCell ref="H26:L26"/>
    <mergeCell ref="M26:Q26"/>
    <mergeCell ref="B6:B7"/>
    <mergeCell ref="C6:G6"/>
    <mergeCell ref="H6:L6"/>
    <mergeCell ref="M6:Q6"/>
    <mergeCell ref="B17:B18"/>
    <mergeCell ref="C17:G17"/>
    <mergeCell ref="H17:L17"/>
    <mergeCell ref="M17:Q17"/>
  </mergeCells>
  <phoneticPr fontId="1"/>
  <pageMargins left="0.23622047244094491" right="0.23622047244094491" top="0.55118110236220474" bottom="0.55118110236220474" header="0.31496062992125984" footer="0.31496062992125984"/>
  <pageSetup paperSize="9" scale="55" orientation="landscape" r:id="rId1"/>
  <headerFooter>
    <oddFooter>&amp;C&amp;P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pageSetUpPr fitToPage="1"/>
  </sheetPr>
  <dimension ref="A1:X83"/>
  <sheetViews>
    <sheetView view="pageBreakPreview" zoomScale="80" zoomScaleNormal="80" zoomScaleSheetLayoutView="80" zoomScalePageLayoutView="50" workbookViewId="0"/>
  </sheetViews>
  <sheetFormatPr defaultColWidth="10.59765625" defaultRowHeight="20.100000000000001" customHeight="1" x14ac:dyDescent="0.2"/>
  <cols>
    <col min="1" max="1" width="14.59765625" style="1" customWidth="1"/>
    <col min="2" max="5" width="10.59765625" style="1"/>
    <col min="6" max="6" width="10.59765625" style="1" customWidth="1"/>
    <col min="7" max="16384" width="10.59765625" style="1"/>
  </cols>
  <sheetData>
    <row r="1" spans="1:24" ht="20.100000000000001" customHeight="1" x14ac:dyDescent="0.2">
      <c r="A1" s="298" t="s">
        <v>81</v>
      </c>
      <c r="B1" s="224"/>
      <c r="C1" s="224"/>
      <c r="D1" s="224"/>
      <c r="E1" s="224"/>
      <c r="F1" s="224"/>
      <c r="G1" s="224"/>
      <c r="H1" s="224"/>
      <c r="I1" s="224"/>
      <c r="J1" s="224"/>
      <c r="K1" s="224"/>
      <c r="L1" s="224"/>
      <c r="M1" s="224"/>
      <c r="N1" s="224"/>
      <c r="O1" s="224"/>
      <c r="P1" s="224"/>
      <c r="Q1" s="224"/>
      <c r="R1" s="224"/>
      <c r="S1" s="224"/>
    </row>
    <row r="2" spans="1:24" ht="20.100000000000001" customHeight="1" x14ac:dyDescent="0.2">
      <c r="A2" s="300"/>
      <c r="B2" s="224"/>
      <c r="C2" s="224"/>
      <c r="D2" s="224"/>
      <c r="E2" s="224"/>
      <c r="F2" s="224"/>
      <c r="G2" s="224"/>
      <c r="H2" s="224"/>
      <c r="I2" s="224"/>
      <c r="J2" s="224"/>
      <c r="K2" s="224"/>
      <c r="L2" s="224"/>
      <c r="M2" s="224"/>
      <c r="N2" s="224"/>
      <c r="O2" s="224"/>
      <c r="P2" s="224"/>
      <c r="Q2" s="224"/>
      <c r="R2" s="224"/>
      <c r="S2" s="224"/>
    </row>
    <row r="3" spans="1:24" ht="20.100000000000001" customHeight="1" thickBot="1" x14ac:dyDescent="0.25">
      <c r="A3" s="224" t="s">
        <v>144</v>
      </c>
      <c r="B3" s="224"/>
      <c r="C3" s="224"/>
      <c r="D3" s="224"/>
      <c r="E3" s="224"/>
      <c r="F3" s="224"/>
      <c r="G3" s="224"/>
      <c r="H3" s="224"/>
      <c r="I3" s="224"/>
      <c r="J3" s="224"/>
      <c r="K3" s="224"/>
      <c r="L3" s="224"/>
      <c r="M3" s="224"/>
      <c r="N3" s="224"/>
      <c r="O3" s="224"/>
      <c r="P3" s="224"/>
      <c r="Q3" s="224"/>
      <c r="R3" s="224"/>
      <c r="S3" s="224"/>
    </row>
    <row r="4" spans="1:24" ht="27" customHeight="1" thickBot="1" x14ac:dyDescent="0.25">
      <c r="A4" s="344" t="s">
        <v>6</v>
      </c>
      <c r="B4" s="345" t="s">
        <v>183</v>
      </c>
      <c r="C4" s="346" t="s">
        <v>106</v>
      </c>
      <c r="D4" s="347" t="s">
        <v>53</v>
      </c>
      <c r="E4" s="348" t="s">
        <v>212</v>
      </c>
      <c r="F4" s="347" t="s">
        <v>54</v>
      </c>
      <c r="G4" s="349" t="s">
        <v>208</v>
      </c>
      <c r="H4" s="349" t="s">
        <v>209</v>
      </c>
      <c r="I4" s="348" t="s">
        <v>66</v>
      </c>
      <c r="J4" s="349" t="s">
        <v>67</v>
      </c>
      <c r="K4" s="349" t="s">
        <v>68</v>
      </c>
      <c r="L4" s="349" t="s">
        <v>213</v>
      </c>
      <c r="M4" s="350" t="s">
        <v>69</v>
      </c>
      <c r="N4" s="349" t="s">
        <v>214</v>
      </c>
      <c r="O4" s="351" t="s">
        <v>210</v>
      </c>
      <c r="P4" s="350" t="s">
        <v>211</v>
      </c>
      <c r="Q4" s="352" t="s">
        <v>55</v>
      </c>
      <c r="R4" s="224"/>
      <c r="S4" s="224"/>
    </row>
    <row r="5" spans="1:24" ht="20.100000000000001" customHeight="1" thickTop="1" x14ac:dyDescent="0.2">
      <c r="A5" s="353" t="s">
        <v>86</v>
      </c>
      <c r="B5" s="265">
        <v>46</v>
      </c>
      <c r="C5" s="538">
        <v>16</v>
      </c>
      <c r="D5" s="539">
        <v>8</v>
      </c>
      <c r="E5" s="540">
        <v>16</v>
      </c>
      <c r="F5" s="541">
        <v>2</v>
      </c>
      <c r="G5" s="541">
        <v>23</v>
      </c>
      <c r="H5" s="541">
        <v>22</v>
      </c>
      <c r="I5" s="541">
        <v>15</v>
      </c>
      <c r="J5" s="541">
        <v>27</v>
      </c>
      <c r="K5" s="541">
        <v>2</v>
      </c>
      <c r="L5" s="541">
        <v>16</v>
      </c>
      <c r="M5" s="541">
        <v>17</v>
      </c>
      <c r="N5" s="541">
        <v>21</v>
      </c>
      <c r="O5" s="542">
        <v>109</v>
      </c>
      <c r="P5" s="539">
        <v>34</v>
      </c>
      <c r="Q5" s="543">
        <v>328</v>
      </c>
      <c r="R5" s="224"/>
      <c r="S5" s="224"/>
    </row>
    <row r="6" spans="1:24" ht="20.100000000000001" customHeight="1" x14ac:dyDescent="0.2">
      <c r="A6" s="320" t="s">
        <v>87</v>
      </c>
      <c r="B6" s="544">
        <v>67</v>
      </c>
      <c r="C6" s="545">
        <v>23</v>
      </c>
      <c r="D6" s="546">
        <v>27</v>
      </c>
      <c r="E6" s="547">
        <v>44</v>
      </c>
      <c r="F6" s="548">
        <v>13</v>
      </c>
      <c r="G6" s="548">
        <v>74</v>
      </c>
      <c r="H6" s="548">
        <v>81</v>
      </c>
      <c r="I6" s="548">
        <v>61</v>
      </c>
      <c r="J6" s="548">
        <v>90</v>
      </c>
      <c r="K6" s="548">
        <v>2</v>
      </c>
      <c r="L6" s="548">
        <v>32</v>
      </c>
      <c r="M6" s="548">
        <v>31</v>
      </c>
      <c r="N6" s="548">
        <v>43</v>
      </c>
      <c r="O6" s="549">
        <v>439</v>
      </c>
      <c r="P6" s="546">
        <v>136</v>
      </c>
      <c r="Q6" s="543">
        <v>1096</v>
      </c>
      <c r="R6" s="224"/>
      <c r="S6" s="224"/>
    </row>
    <row r="7" spans="1:24" ht="20.100000000000001" customHeight="1" x14ac:dyDescent="0.2">
      <c r="A7" s="320" t="s">
        <v>88</v>
      </c>
      <c r="B7" s="544">
        <v>39</v>
      </c>
      <c r="C7" s="545">
        <v>41</v>
      </c>
      <c r="D7" s="546">
        <v>18</v>
      </c>
      <c r="E7" s="547">
        <v>43</v>
      </c>
      <c r="F7" s="548">
        <v>10</v>
      </c>
      <c r="G7" s="548">
        <v>40</v>
      </c>
      <c r="H7" s="548">
        <v>57</v>
      </c>
      <c r="I7" s="548">
        <v>36</v>
      </c>
      <c r="J7" s="548">
        <v>84</v>
      </c>
      <c r="K7" s="548">
        <v>4</v>
      </c>
      <c r="L7" s="548">
        <v>63</v>
      </c>
      <c r="M7" s="548">
        <v>17</v>
      </c>
      <c r="N7" s="548">
        <v>25</v>
      </c>
      <c r="O7" s="549">
        <v>412</v>
      </c>
      <c r="P7" s="546">
        <v>54</v>
      </c>
      <c r="Q7" s="543">
        <v>904</v>
      </c>
      <c r="R7" s="224"/>
      <c r="S7" s="224"/>
    </row>
    <row r="8" spans="1:24" ht="20.100000000000001" customHeight="1" x14ac:dyDescent="0.2">
      <c r="A8" s="320" t="s">
        <v>89</v>
      </c>
      <c r="B8" s="544">
        <v>22</v>
      </c>
      <c r="C8" s="545">
        <v>27</v>
      </c>
      <c r="D8" s="546">
        <v>36</v>
      </c>
      <c r="E8" s="547">
        <v>41</v>
      </c>
      <c r="F8" s="548">
        <v>10</v>
      </c>
      <c r="G8" s="548">
        <v>40</v>
      </c>
      <c r="H8" s="548">
        <v>66</v>
      </c>
      <c r="I8" s="548">
        <v>27</v>
      </c>
      <c r="J8" s="548">
        <v>90</v>
      </c>
      <c r="K8" s="548">
        <v>4</v>
      </c>
      <c r="L8" s="548">
        <v>39</v>
      </c>
      <c r="M8" s="548">
        <v>17</v>
      </c>
      <c r="N8" s="548">
        <v>29</v>
      </c>
      <c r="O8" s="549">
        <v>311</v>
      </c>
      <c r="P8" s="546">
        <v>97</v>
      </c>
      <c r="Q8" s="543">
        <v>834</v>
      </c>
      <c r="R8" s="224"/>
      <c r="S8" s="224"/>
    </row>
    <row r="9" spans="1:24" ht="20.100000000000001" customHeight="1" x14ac:dyDescent="0.2">
      <c r="A9" s="320" t="s">
        <v>90</v>
      </c>
      <c r="B9" s="544">
        <v>15</v>
      </c>
      <c r="C9" s="545">
        <v>20</v>
      </c>
      <c r="D9" s="546">
        <v>18</v>
      </c>
      <c r="E9" s="547">
        <v>27</v>
      </c>
      <c r="F9" s="548">
        <v>6</v>
      </c>
      <c r="G9" s="548">
        <v>39</v>
      </c>
      <c r="H9" s="548">
        <v>58</v>
      </c>
      <c r="I9" s="548">
        <v>24</v>
      </c>
      <c r="J9" s="548">
        <v>65</v>
      </c>
      <c r="K9" s="548">
        <v>1</v>
      </c>
      <c r="L9" s="548">
        <v>23</v>
      </c>
      <c r="M9" s="548">
        <v>5</v>
      </c>
      <c r="N9" s="548">
        <v>18</v>
      </c>
      <c r="O9" s="549">
        <v>178</v>
      </c>
      <c r="P9" s="546">
        <v>195</v>
      </c>
      <c r="Q9" s="543">
        <v>677</v>
      </c>
      <c r="R9" s="224"/>
      <c r="S9" s="224"/>
    </row>
    <row r="10" spans="1:24" ht="20.100000000000001" customHeight="1" thickBot="1" x14ac:dyDescent="0.25">
      <c r="A10" s="321" t="s">
        <v>10</v>
      </c>
      <c r="B10" s="550">
        <v>20</v>
      </c>
      <c r="C10" s="551">
        <v>52</v>
      </c>
      <c r="D10" s="552">
        <v>78</v>
      </c>
      <c r="E10" s="553">
        <v>99</v>
      </c>
      <c r="F10" s="554">
        <v>35</v>
      </c>
      <c r="G10" s="554">
        <v>99</v>
      </c>
      <c r="H10" s="554">
        <v>133</v>
      </c>
      <c r="I10" s="554">
        <v>51</v>
      </c>
      <c r="J10" s="554">
        <v>173</v>
      </c>
      <c r="K10" s="554">
        <v>4</v>
      </c>
      <c r="L10" s="554">
        <v>36</v>
      </c>
      <c r="M10" s="554">
        <v>6</v>
      </c>
      <c r="N10" s="554">
        <v>40</v>
      </c>
      <c r="O10" s="555">
        <v>851</v>
      </c>
      <c r="P10" s="546">
        <v>168</v>
      </c>
      <c r="Q10" s="556">
        <v>1825</v>
      </c>
      <c r="R10" s="224"/>
      <c r="S10" s="224"/>
    </row>
    <row r="11" spans="1:24" ht="20.100000000000001" customHeight="1" thickTop="1" thickBot="1" x14ac:dyDescent="0.25">
      <c r="A11" s="316" t="s">
        <v>56</v>
      </c>
      <c r="B11" s="557">
        <v>209</v>
      </c>
      <c r="C11" s="558">
        <v>179</v>
      </c>
      <c r="D11" s="558">
        <v>185</v>
      </c>
      <c r="E11" s="558">
        <v>270</v>
      </c>
      <c r="F11" s="558">
        <v>76</v>
      </c>
      <c r="G11" s="558">
        <v>315</v>
      </c>
      <c r="H11" s="558">
        <v>417</v>
      </c>
      <c r="I11" s="558">
        <v>214</v>
      </c>
      <c r="J11" s="558">
        <v>529</v>
      </c>
      <c r="K11" s="558">
        <v>17</v>
      </c>
      <c r="L11" s="558">
        <v>209</v>
      </c>
      <c r="M11" s="558">
        <v>93</v>
      </c>
      <c r="N11" s="558">
        <v>176</v>
      </c>
      <c r="O11" s="558">
        <v>2300</v>
      </c>
      <c r="P11" s="559">
        <v>684</v>
      </c>
      <c r="Q11" s="560">
        <v>5664</v>
      </c>
      <c r="R11" s="224"/>
      <c r="S11" s="224"/>
    </row>
    <row r="12" spans="1:24" ht="20.100000000000001" customHeight="1" thickTop="1" thickBot="1" x14ac:dyDescent="0.25">
      <c r="A12" s="372" t="s">
        <v>148</v>
      </c>
      <c r="B12" s="561"/>
      <c r="C12" s="562">
        <v>3.1603107344632765E-2</v>
      </c>
      <c r="D12" s="563">
        <v>3.2662429378531074E-2</v>
      </c>
      <c r="E12" s="564">
        <v>4.7669491525423727E-2</v>
      </c>
      <c r="F12" s="564">
        <v>1.3418079096045197E-2</v>
      </c>
      <c r="G12" s="564">
        <v>5.5614406779661014E-2</v>
      </c>
      <c r="H12" s="564">
        <v>7.3622881355932202E-2</v>
      </c>
      <c r="I12" s="564">
        <v>3.7782485875706213E-2</v>
      </c>
      <c r="J12" s="564">
        <v>9.3396892655367228E-2</v>
      </c>
      <c r="K12" s="564">
        <v>3.0014124293785312E-3</v>
      </c>
      <c r="L12" s="564">
        <v>3.6899717514124297E-2</v>
      </c>
      <c r="M12" s="564">
        <v>1.641949152542373E-2</v>
      </c>
      <c r="N12" s="564">
        <v>3.1073446327683617E-2</v>
      </c>
      <c r="O12" s="564">
        <v>0.40607344632768361</v>
      </c>
      <c r="P12" s="563">
        <v>0.12076271186440678</v>
      </c>
      <c r="Q12" s="565">
        <v>1</v>
      </c>
      <c r="R12" s="224"/>
      <c r="S12" s="224"/>
    </row>
    <row r="13" spans="1:24" ht="20.100000000000001" customHeight="1" x14ac:dyDescent="0.2">
      <c r="A13" s="374"/>
      <c r="B13" s="224"/>
      <c r="C13" s="45"/>
      <c r="D13" s="45"/>
      <c r="E13" s="45"/>
      <c r="F13" s="45"/>
      <c r="G13" s="45"/>
      <c r="H13" s="45"/>
      <c r="I13" s="45"/>
      <c r="J13" s="45"/>
      <c r="K13" s="45"/>
      <c r="L13" s="45"/>
      <c r="M13" s="45"/>
      <c r="N13" s="45"/>
      <c r="O13" s="45"/>
      <c r="P13" s="45"/>
      <c r="Q13" s="46"/>
      <c r="R13" s="224"/>
      <c r="S13" s="224"/>
    </row>
    <row r="14" spans="1:24" ht="20.100000000000001" customHeight="1" thickBot="1" x14ac:dyDescent="0.25">
      <c r="A14" s="224" t="s">
        <v>180</v>
      </c>
      <c r="B14" s="224"/>
      <c r="C14" s="45"/>
      <c r="D14" s="45"/>
      <c r="E14" s="224"/>
      <c r="F14" s="45"/>
      <c r="G14" s="224"/>
      <c r="H14" s="224" t="s">
        <v>227</v>
      </c>
      <c r="I14" s="224"/>
      <c r="J14" s="45"/>
      <c r="K14" s="45"/>
      <c r="L14" s="45"/>
      <c r="M14" s="224"/>
      <c r="N14" s="45"/>
      <c r="O14" s="45"/>
      <c r="P14" s="45" t="s">
        <v>229</v>
      </c>
      <c r="Q14" s="45"/>
      <c r="R14" s="45"/>
      <c r="S14" s="45"/>
      <c r="T14" s="45"/>
      <c r="U14" s="46"/>
      <c r="X14" s="1" t="s">
        <v>191</v>
      </c>
    </row>
    <row r="15" spans="1:24" ht="20.100000000000001" customHeight="1" thickBot="1" x14ac:dyDescent="0.25">
      <c r="A15" s="344" t="s">
        <v>6</v>
      </c>
      <c r="B15" s="345" t="s">
        <v>183</v>
      </c>
      <c r="C15" s="375" t="s">
        <v>226</v>
      </c>
      <c r="D15" s="376" t="s">
        <v>280</v>
      </c>
      <c r="E15" s="377" t="s">
        <v>70</v>
      </c>
      <c r="F15" s="378" t="s">
        <v>55</v>
      </c>
      <c r="G15" s="224"/>
      <c r="H15" s="344" t="s">
        <v>6</v>
      </c>
      <c r="I15" s="345" t="s">
        <v>183</v>
      </c>
      <c r="J15" s="376" t="s">
        <v>135</v>
      </c>
      <c r="K15" s="376" t="s">
        <v>136</v>
      </c>
      <c r="L15" s="379" t="s">
        <v>228</v>
      </c>
      <c r="M15" s="377" t="s">
        <v>70</v>
      </c>
      <c r="N15" s="378" t="s">
        <v>55</v>
      </c>
      <c r="O15" s="380"/>
      <c r="P15" s="762" t="s">
        <v>107</v>
      </c>
      <c r="Q15" s="763"/>
      <c r="R15" s="381" t="s">
        <v>92</v>
      </c>
      <c r="S15" s="382" t="s">
        <v>148</v>
      </c>
    </row>
    <row r="16" spans="1:24" ht="20.100000000000001" customHeight="1" thickTop="1" x14ac:dyDescent="0.2">
      <c r="A16" s="353" t="s">
        <v>86</v>
      </c>
      <c r="B16" s="566">
        <v>46</v>
      </c>
      <c r="C16" s="567">
        <v>19</v>
      </c>
      <c r="D16" s="568">
        <v>139</v>
      </c>
      <c r="E16" s="568">
        <v>143</v>
      </c>
      <c r="F16" s="569">
        <v>301</v>
      </c>
      <c r="G16" s="224"/>
      <c r="H16" s="353" t="s">
        <v>86</v>
      </c>
      <c r="I16" s="566">
        <v>46</v>
      </c>
      <c r="J16" s="579">
        <v>117</v>
      </c>
      <c r="K16" s="568">
        <v>23</v>
      </c>
      <c r="L16" s="580">
        <v>20</v>
      </c>
      <c r="M16" s="568">
        <v>146</v>
      </c>
      <c r="N16" s="569">
        <v>306</v>
      </c>
      <c r="O16" s="380"/>
      <c r="P16" s="764" t="s">
        <v>230</v>
      </c>
      <c r="Q16" s="765"/>
      <c r="R16" s="583">
        <v>637</v>
      </c>
      <c r="S16" s="47">
        <v>0.51164658634538152</v>
      </c>
    </row>
    <row r="17" spans="1:23" ht="20.100000000000001" customHeight="1" x14ac:dyDescent="0.2">
      <c r="A17" s="320" t="s">
        <v>87</v>
      </c>
      <c r="B17" s="570">
        <v>67</v>
      </c>
      <c r="C17" s="571">
        <v>31</v>
      </c>
      <c r="D17" s="572">
        <v>322</v>
      </c>
      <c r="E17" s="572">
        <v>634</v>
      </c>
      <c r="F17" s="573">
        <v>987</v>
      </c>
      <c r="G17" s="224"/>
      <c r="H17" s="320" t="s">
        <v>87</v>
      </c>
      <c r="I17" s="570">
        <v>67</v>
      </c>
      <c r="J17" s="581">
        <v>234</v>
      </c>
      <c r="K17" s="572">
        <v>39</v>
      </c>
      <c r="L17" s="582">
        <v>86</v>
      </c>
      <c r="M17" s="572">
        <v>601</v>
      </c>
      <c r="N17" s="573">
        <v>960</v>
      </c>
      <c r="O17" s="383"/>
      <c r="P17" s="766" t="s">
        <v>123</v>
      </c>
      <c r="Q17" s="767"/>
      <c r="R17" s="584">
        <v>77</v>
      </c>
      <c r="S17" s="47">
        <v>6.1847389558232935E-2</v>
      </c>
    </row>
    <row r="18" spans="1:23" ht="20.100000000000001" customHeight="1" x14ac:dyDescent="0.2">
      <c r="A18" s="320" t="s">
        <v>88</v>
      </c>
      <c r="B18" s="570">
        <v>39</v>
      </c>
      <c r="C18" s="571">
        <v>21</v>
      </c>
      <c r="D18" s="572">
        <v>359</v>
      </c>
      <c r="E18" s="572">
        <v>421</v>
      </c>
      <c r="F18" s="573">
        <v>801</v>
      </c>
      <c r="G18" s="224"/>
      <c r="H18" s="320" t="s">
        <v>88</v>
      </c>
      <c r="I18" s="570">
        <v>39</v>
      </c>
      <c r="J18" s="581">
        <v>189</v>
      </c>
      <c r="K18" s="572">
        <v>109</v>
      </c>
      <c r="L18" s="582">
        <v>59</v>
      </c>
      <c r="M18" s="572">
        <v>413</v>
      </c>
      <c r="N18" s="573">
        <v>770</v>
      </c>
      <c r="O18" s="383"/>
      <c r="P18" s="766" t="s">
        <v>124</v>
      </c>
      <c r="Q18" s="767"/>
      <c r="R18" s="584">
        <v>52</v>
      </c>
      <c r="S18" s="47">
        <v>4.1767068273092373E-2</v>
      </c>
    </row>
    <row r="19" spans="1:23" ht="20.100000000000001" customHeight="1" x14ac:dyDescent="0.2">
      <c r="A19" s="320" t="s">
        <v>89</v>
      </c>
      <c r="B19" s="570">
        <v>22</v>
      </c>
      <c r="C19" s="571">
        <v>22</v>
      </c>
      <c r="D19" s="572">
        <v>228</v>
      </c>
      <c r="E19" s="572">
        <v>481</v>
      </c>
      <c r="F19" s="573">
        <v>731</v>
      </c>
      <c r="G19" s="224"/>
      <c r="H19" s="320" t="s">
        <v>89</v>
      </c>
      <c r="I19" s="570">
        <v>22</v>
      </c>
      <c r="J19" s="581">
        <v>104</v>
      </c>
      <c r="K19" s="572">
        <v>64</v>
      </c>
      <c r="L19" s="582">
        <v>67</v>
      </c>
      <c r="M19" s="572">
        <v>400</v>
      </c>
      <c r="N19" s="573">
        <v>635</v>
      </c>
      <c r="O19" s="383"/>
      <c r="P19" s="766" t="s">
        <v>94</v>
      </c>
      <c r="Q19" s="767"/>
      <c r="R19" s="584">
        <v>116</v>
      </c>
      <c r="S19" s="47">
        <v>9.3172690763052207E-2</v>
      </c>
    </row>
    <row r="20" spans="1:23" ht="20.100000000000001" customHeight="1" thickBot="1" x14ac:dyDescent="0.25">
      <c r="A20" s="320" t="s">
        <v>90</v>
      </c>
      <c r="B20" s="570">
        <v>15</v>
      </c>
      <c r="C20" s="571">
        <v>5</v>
      </c>
      <c r="D20" s="572">
        <v>195</v>
      </c>
      <c r="E20" s="572">
        <v>403</v>
      </c>
      <c r="F20" s="573">
        <v>603</v>
      </c>
      <c r="G20" s="224"/>
      <c r="H20" s="320" t="s">
        <v>90</v>
      </c>
      <c r="I20" s="570">
        <v>15</v>
      </c>
      <c r="J20" s="581">
        <v>131</v>
      </c>
      <c r="K20" s="572">
        <v>13</v>
      </c>
      <c r="L20" s="582">
        <v>47</v>
      </c>
      <c r="M20" s="572">
        <v>412</v>
      </c>
      <c r="N20" s="573">
        <v>603</v>
      </c>
      <c r="O20" s="383"/>
      <c r="P20" s="760" t="s">
        <v>70</v>
      </c>
      <c r="Q20" s="761"/>
      <c r="R20" s="585">
        <v>363</v>
      </c>
      <c r="S20" s="47">
        <v>0.29156626506024097</v>
      </c>
    </row>
    <row r="21" spans="1:23" ht="20.100000000000001" customHeight="1" thickTop="1" thickBot="1" x14ac:dyDescent="0.25">
      <c r="A21" s="321" t="s">
        <v>10</v>
      </c>
      <c r="B21" s="574">
        <v>20</v>
      </c>
      <c r="C21" s="571">
        <v>74</v>
      </c>
      <c r="D21" s="572">
        <v>436</v>
      </c>
      <c r="E21" s="572">
        <v>1101</v>
      </c>
      <c r="F21" s="573">
        <v>1611</v>
      </c>
      <c r="G21" s="224"/>
      <c r="H21" s="321" t="s">
        <v>10</v>
      </c>
      <c r="I21" s="574">
        <v>20</v>
      </c>
      <c r="J21" s="581">
        <v>163</v>
      </c>
      <c r="K21" s="572">
        <v>117</v>
      </c>
      <c r="L21" s="582">
        <v>158</v>
      </c>
      <c r="M21" s="572">
        <v>1145</v>
      </c>
      <c r="N21" s="573">
        <v>1583</v>
      </c>
      <c r="O21" s="383"/>
      <c r="P21" s="745" t="s">
        <v>55</v>
      </c>
      <c r="Q21" s="746"/>
      <c r="R21" s="586">
        <v>1245</v>
      </c>
      <c r="S21" s="587">
        <v>1</v>
      </c>
    </row>
    <row r="22" spans="1:23" ht="20.100000000000001" customHeight="1" thickTop="1" thickBot="1" x14ac:dyDescent="0.25">
      <c r="A22" s="316" t="s">
        <v>56</v>
      </c>
      <c r="B22" s="575">
        <v>209</v>
      </c>
      <c r="C22" s="576">
        <v>172</v>
      </c>
      <c r="D22" s="576">
        <v>1679</v>
      </c>
      <c r="E22" s="577">
        <v>3183</v>
      </c>
      <c r="F22" s="578">
        <v>5034</v>
      </c>
      <c r="G22" s="224"/>
      <c r="H22" s="316" t="s">
        <v>56</v>
      </c>
      <c r="I22" s="575">
        <v>209</v>
      </c>
      <c r="J22" s="576">
        <v>938</v>
      </c>
      <c r="K22" s="576">
        <v>365</v>
      </c>
      <c r="L22" s="576">
        <v>437</v>
      </c>
      <c r="M22" s="577">
        <v>3117</v>
      </c>
      <c r="N22" s="578">
        <v>4857</v>
      </c>
      <c r="O22" s="48"/>
      <c r="P22" s="758" t="s">
        <v>328</v>
      </c>
      <c r="Q22" s="758"/>
      <c r="R22" s="758"/>
      <c r="S22" s="758"/>
    </row>
    <row r="23" spans="1:23" ht="20.100000000000001" customHeight="1" thickTop="1" thickBot="1" x14ac:dyDescent="0.25">
      <c r="A23" s="372" t="s">
        <v>148</v>
      </c>
      <c r="B23" s="373"/>
      <c r="C23" s="7">
        <v>3.4167659912594357E-2</v>
      </c>
      <c r="D23" s="43">
        <v>0.33353198251887167</v>
      </c>
      <c r="E23" s="49">
        <v>0.63230035756853398</v>
      </c>
      <c r="F23" s="50">
        <v>1</v>
      </c>
      <c r="G23" s="224"/>
      <c r="H23" s="372" t="s">
        <v>148</v>
      </c>
      <c r="I23" s="373"/>
      <c r="J23" s="42">
        <v>0.19312332715668107</v>
      </c>
      <c r="K23" s="43">
        <v>7.5149269096149884E-2</v>
      </c>
      <c r="L23" s="43">
        <v>8.9973234506897259E-2</v>
      </c>
      <c r="M23" s="49">
        <v>0.64175416924027173</v>
      </c>
      <c r="N23" s="50">
        <v>1</v>
      </c>
      <c r="O23" s="45"/>
      <c r="P23" s="759"/>
      <c r="Q23" s="759"/>
      <c r="R23" s="759"/>
      <c r="S23" s="759"/>
      <c r="T23" s="45"/>
      <c r="V23" s="46"/>
    </row>
    <row r="24" spans="1:23" ht="20.100000000000001" customHeight="1" x14ac:dyDescent="0.2">
      <c r="A24" s="374"/>
      <c r="B24" s="224"/>
      <c r="C24" s="45"/>
      <c r="D24" s="45"/>
      <c r="E24" s="45"/>
      <c r="F24" s="45"/>
      <c r="G24" s="224"/>
      <c r="H24" s="374"/>
      <c r="I24" s="374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V24" s="45"/>
      <c r="W24" s="46"/>
    </row>
    <row r="25" spans="1:23" ht="20.100000000000001" hidden="1" customHeight="1" thickBot="1" x14ac:dyDescent="0.25">
      <c r="A25" s="224" t="s">
        <v>231</v>
      </c>
      <c r="B25" s="224"/>
      <c r="C25" s="224"/>
      <c r="D25" s="224"/>
      <c r="E25" s="224"/>
      <c r="F25" s="224"/>
      <c r="G25" s="224"/>
      <c r="H25" s="224"/>
      <c r="I25" s="224"/>
      <c r="J25" s="224"/>
      <c r="K25" s="224"/>
      <c r="L25" s="224"/>
      <c r="M25" s="224"/>
      <c r="N25" s="224"/>
      <c r="O25" s="224"/>
      <c r="P25" s="224"/>
      <c r="Q25" s="224"/>
      <c r="R25" s="224"/>
      <c r="S25" s="224"/>
    </row>
    <row r="26" spans="1:23" ht="27" hidden="1" customHeight="1" thickBot="1" x14ac:dyDescent="0.25">
      <c r="A26" s="344" t="s">
        <v>121</v>
      </c>
      <c r="B26" s="345" t="s">
        <v>183</v>
      </c>
      <c r="C26" s="346" t="s">
        <v>106</v>
      </c>
      <c r="D26" s="347" t="s">
        <v>53</v>
      </c>
      <c r="E26" s="348" t="s">
        <v>212</v>
      </c>
      <c r="F26" s="347" t="s">
        <v>54</v>
      </c>
      <c r="G26" s="349" t="s">
        <v>208</v>
      </c>
      <c r="H26" s="349" t="s">
        <v>209</v>
      </c>
      <c r="I26" s="348" t="s">
        <v>66</v>
      </c>
      <c r="J26" s="349" t="s">
        <v>67</v>
      </c>
      <c r="K26" s="349" t="s">
        <v>68</v>
      </c>
      <c r="L26" s="349" t="s">
        <v>213</v>
      </c>
      <c r="M26" s="350" t="s">
        <v>69</v>
      </c>
      <c r="N26" s="349" t="s">
        <v>214</v>
      </c>
      <c r="O26" s="351" t="s">
        <v>210</v>
      </c>
      <c r="P26" s="350" t="s">
        <v>211</v>
      </c>
      <c r="Q26" s="352" t="s">
        <v>55</v>
      </c>
      <c r="R26" s="224"/>
      <c r="S26" s="224"/>
    </row>
    <row r="27" spans="1:23" ht="20.100000000000001" hidden="1" customHeight="1" thickTop="1" x14ac:dyDescent="0.2">
      <c r="A27" s="353" t="s">
        <v>39</v>
      </c>
      <c r="B27" s="354">
        <v>81</v>
      </c>
      <c r="C27" s="355">
        <v>75</v>
      </c>
      <c r="D27" s="356">
        <v>66</v>
      </c>
      <c r="E27" s="357">
        <v>120</v>
      </c>
      <c r="F27" s="358">
        <v>44</v>
      </c>
      <c r="G27" s="358">
        <v>138</v>
      </c>
      <c r="H27" s="358">
        <v>181</v>
      </c>
      <c r="I27" s="358">
        <v>79</v>
      </c>
      <c r="J27" s="358">
        <v>241</v>
      </c>
      <c r="K27" s="358">
        <v>6</v>
      </c>
      <c r="L27" s="358">
        <v>64</v>
      </c>
      <c r="M27" s="358">
        <v>29</v>
      </c>
      <c r="N27" s="358">
        <v>61</v>
      </c>
      <c r="O27" s="359">
        <v>1082</v>
      </c>
      <c r="P27" s="356">
        <v>297</v>
      </c>
      <c r="Q27" s="39">
        <v>2483</v>
      </c>
      <c r="R27" s="224"/>
      <c r="S27" s="224"/>
    </row>
    <row r="28" spans="1:23" ht="20.100000000000001" hidden="1" customHeight="1" x14ac:dyDescent="0.2">
      <c r="A28" s="320" t="s">
        <v>40</v>
      </c>
      <c r="B28" s="360">
        <v>28</v>
      </c>
      <c r="C28" s="361">
        <v>31</v>
      </c>
      <c r="D28" s="362">
        <v>37</v>
      </c>
      <c r="E28" s="363">
        <v>38</v>
      </c>
      <c r="F28" s="364">
        <v>16</v>
      </c>
      <c r="G28" s="364">
        <v>62</v>
      </c>
      <c r="H28" s="364">
        <v>71</v>
      </c>
      <c r="I28" s="364">
        <v>46</v>
      </c>
      <c r="J28" s="364">
        <v>122</v>
      </c>
      <c r="K28" s="364">
        <v>7</v>
      </c>
      <c r="L28" s="364">
        <v>51</v>
      </c>
      <c r="M28" s="364">
        <v>15</v>
      </c>
      <c r="N28" s="364">
        <v>35</v>
      </c>
      <c r="O28" s="365">
        <v>329</v>
      </c>
      <c r="P28" s="362">
        <v>201</v>
      </c>
      <c r="Q28" s="39">
        <v>1061</v>
      </c>
      <c r="R28" s="224"/>
      <c r="S28" s="224"/>
    </row>
    <row r="29" spans="1:23" ht="20.100000000000001" hidden="1" customHeight="1" x14ac:dyDescent="0.2">
      <c r="A29" s="320" t="s">
        <v>41</v>
      </c>
      <c r="B29" s="360">
        <v>21</v>
      </c>
      <c r="C29" s="361">
        <v>19</v>
      </c>
      <c r="D29" s="362">
        <v>24</v>
      </c>
      <c r="E29" s="363">
        <v>24</v>
      </c>
      <c r="F29" s="364">
        <v>0</v>
      </c>
      <c r="G29" s="364">
        <v>21</v>
      </c>
      <c r="H29" s="364">
        <v>39</v>
      </c>
      <c r="I29" s="364">
        <v>23</v>
      </c>
      <c r="J29" s="364">
        <v>58</v>
      </c>
      <c r="K29" s="364">
        <v>1</v>
      </c>
      <c r="L29" s="364">
        <v>53</v>
      </c>
      <c r="M29" s="364">
        <v>5</v>
      </c>
      <c r="N29" s="364">
        <v>24</v>
      </c>
      <c r="O29" s="365">
        <v>157</v>
      </c>
      <c r="P29" s="362">
        <v>16</v>
      </c>
      <c r="Q29" s="39">
        <v>464</v>
      </c>
      <c r="R29" s="224"/>
      <c r="S29" s="224"/>
    </row>
    <row r="30" spans="1:23" ht="20.100000000000001" hidden="1" customHeight="1" x14ac:dyDescent="0.2">
      <c r="A30" s="320" t="s">
        <v>42</v>
      </c>
      <c r="B30" s="360">
        <v>20</v>
      </c>
      <c r="C30" s="361">
        <v>25</v>
      </c>
      <c r="D30" s="362">
        <v>16</v>
      </c>
      <c r="E30" s="363">
        <v>17</v>
      </c>
      <c r="F30" s="364">
        <v>8</v>
      </c>
      <c r="G30" s="364">
        <v>30</v>
      </c>
      <c r="H30" s="364">
        <v>55</v>
      </c>
      <c r="I30" s="364">
        <v>31</v>
      </c>
      <c r="J30" s="364">
        <v>46</v>
      </c>
      <c r="K30" s="364">
        <v>2</v>
      </c>
      <c r="L30" s="364">
        <v>8</v>
      </c>
      <c r="M30" s="364">
        <v>8</v>
      </c>
      <c r="N30" s="364">
        <v>24</v>
      </c>
      <c r="O30" s="365">
        <v>225</v>
      </c>
      <c r="P30" s="362">
        <v>13</v>
      </c>
      <c r="Q30" s="39">
        <v>508</v>
      </c>
      <c r="R30" s="224"/>
      <c r="S30" s="224"/>
    </row>
    <row r="31" spans="1:23" ht="20.100000000000001" hidden="1" customHeight="1" x14ac:dyDescent="0.2">
      <c r="A31" s="320" t="s">
        <v>43</v>
      </c>
      <c r="B31" s="360">
        <v>12</v>
      </c>
      <c r="C31" s="361">
        <v>5</v>
      </c>
      <c r="D31" s="362">
        <v>2</v>
      </c>
      <c r="E31" s="363">
        <v>15</v>
      </c>
      <c r="F31" s="364">
        <v>0</v>
      </c>
      <c r="G31" s="364">
        <v>14</v>
      </c>
      <c r="H31" s="364">
        <v>15</v>
      </c>
      <c r="I31" s="364">
        <v>8</v>
      </c>
      <c r="J31" s="364">
        <v>13</v>
      </c>
      <c r="K31" s="364">
        <v>0</v>
      </c>
      <c r="L31" s="364">
        <v>7</v>
      </c>
      <c r="M31" s="364">
        <v>9</v>
      </c>
      <c r="N31" s="364">
        <v>15</v>
      </c>
      <c r="O31" s="365">
        <v>82</v>
      </c>
      <c r="P31" s="362">
        <v>37</v>
      </c>
      <c r="Q31" s="39">
        <v>222</v>
      </c>
      <c r="R31" s="224"/>
      <c r="S31" s="224"/>
    </row>
    <row r="32" spans="1:23" ht="20.100000000000001" hidden="1" customHeight="1" x14ac:dyDescent="0.2">
      <c r="A32" s="320" t="s">
        <v>44</v>
      </c>
      <c r="B32" s="360">
        <v>14</v>
      </c>
      <c r="C32" s="361">
        <v>8</v>
      </c>
      <c r="D32" s="362">
        <v>22</v>
      </c>
      <c r="E32" s="363">
        <v>31</v>
      </c>
      <c r="F32" s="364">
        <v>7</v>
      </c>
      <c r="G32" s="364">
        <v>16</v>
      </c>
      <c r="H32" s="364">
        <v>30</v>
      </c>
      <c r="I32" s="364">
        <v>10</v>
      </c>
      <c r="J32" s="364">
        <v>19</v>
      </c>
      <c r="K32" s="364">
        <v>0</v>
      </c>
      <c r="L32" s="364">
        <v>3</v>
      </c>
      <c r="M32" s="364">
        <v>3</v>
      </c>
      <c r="N32" s="364">
        <v>7</v>
      </c>
      <c r="O32" s="365">
        <v>219</v>
      </c>
      <c r="P32" s="362">
        <v>14</v>
      </c>
      <c r="Q32" s="39">
        <v>389</v>
      </c>
      <c r="R32" s="224"/>
      <c r="S32" s="224"/>
    </row>
    <row r="33" spans="1:19" ht="20.100000000000001" hidden="1" customHeight="1" x14ac:dyDescent="0.2">
      <c r="A33" s="320" t="s">
        <v>45</v>
      </c>
      <c r="B33" s="360">
        <v>21</v>
      </c>
      <c r="C33" s="361">
        <v>11</v>
      </c>
      <c r="D33" s="362">
        <v>12</v>
      </c>
      <c r="E33" s="363">
        <v>23</v>
      </c>
      <c r="F33" s="364">
        <v>0</v>
      </c>
      <c r="G33" s="364">
        <v>24</v>
      </c>
      <c r="H33" s="364">
        <v>17</v>
      </c>
      <c r="I33" s="364">
        <v>13</v>
      </c>
      <c r="J33" s="364">
        <v>23</v>
      </c>
      <c r="K33" s="364">
        <v>1</v>
      </c>
      <c r="L33" s="364">
        <v>12</v>
      </c>
      <c r="M33" s="364">
        <v>15</v>
      </c>
      <c r="N33" s="364">
        <v>4</v>
      </c>
      <c r="O33" s="365">
        <v>147</v>
      </c>
      <c r="P33" s="362">
        <v>70</v>
      </c>
      <c r="Q33" s="39">
        <v>372</v>
      </c>
      <c r="R33" s="224"/>
      <c r="S33" s="224"/>
    </row>
    <row r="34" spans="1:19" ht="20.100000000000001" hidden="1" customHeight="1" thickBot="1" x14ac:dyDescent="0.25">
      <c r="A34" s="321" t="s">
        <v>46</v>
      </c>
      <c r="B34" s="366">
        <v>12</v>
      </c>
      <c r="C34" s="367">
        <v>5</v>
      </c>
      <c r="D34" s="368">
        <v>6</v>
      </c>
      <c r="E34" s="369">
        <v>2</v>
      </c>
      <c r="F34" s="370">
        <v>1</v>
      </c>
      <c r="G34" s="370">
        <v>10</v>
      </c>
      <c r="H34" s="370">
        <v>9</v>
      </c>
      <c r="I34" s="370">
        <v>4</v>
      </c>
      <c r="J34" s="370">
        <v>7</v>
      </c>
      <c r="K34" s="370">
        <v>0</v>
      </c>
      <c r="L34" s="370">
        <v>11</v>
      </c>
      <c r="M34" s="370">
        <v>9</v>
      </c>
      <c r="N34" s="370">
        <v>6</v>
      </c>
      <c r="O34" s="371">
        <v>59</v>
      </c>
      <c r="P34" s="362">
        <v>36</v>
      </c>
      <c r="Q34" s="20">
        <v>165</v>
      </c>
      <c r="R34" s="224"/>
      <c r="S34" s="224"/>
    </row>
    <row r="35" spans="1:19" ht="20.100000000000001" hidden="1" customHeight="1" thickTop="1" thickBot="1" x14ac:dyDescent="0.25">
      <c r="A35" s="316" t="s">
        <v>56</v>
      </c>
      <c r="B35" s="63">
        <v>209</v>
      </c>
      <c r="C35" s="64">
        <v>179</v>
      </c>
      <c r="D35" s="64">
        <v>185</v>
      </c>
      <c r="E35" s="64">
        <v>270</v>
      </c>
      <c r="F35" s="64">
        <v>76</v>
      </c>
      <c r="G35" s="64">
        <v>315</v>
      </c>
      <c r="H35" s="64">
        <v>417</v>
      </c>
      <c r="I35" s="64">
        <v>214</v>
      </c>
      <c r="J35" s="64">
        <v>529</v>
      </c>
      <c r="K35" s="64">
        <v>17</v>
      </c>
      <c r="L35" s="64">
        <v>209</v>
      </c>
      <c r="M35" s="64">
        <v>93</v>
      </c>
      <c r="N35" s="64">
        <v>176</v>
      </c>
      <c r="O35" s="64">
        <v>2300</v>
      </c>
      <c r="P35" s="65">
        <v>684</v>
      </c>
      <c r="Q35" s="40">
        <v>5664</v>
      </c>
      <c r="R35" s="224"/>
      <c r="S35" s="224"/>
    </row>
    <row r="36" spans="1:19" ht="20.100000000000001" hidden="1" customHeight="1" thickTop="1" thickBot="1" x14ac:dyDescent="0.25">
      <c r="A36" s="372" t="s">
        <v>148</v>
      </c>
      <c r="B36" s="373"/>
      <c r="C36" s="41">
        <v>3.1603107344632765E-2</v>
      </c>
      <c r="D36" s="42">
        <v>3.2662429378531074E-2</v>
      </c>
      <c r="E36" s="43">
        <v>4.7669491525423727E-2</v>
      </c>
      <c r="F36" s="43">
        <v>1.3418079096045197E-2</v>
      </c>
      <c r="G36" s="43">
        <v>5.5614406779661014E-2</v>
      </c>
      <c r="H36" s="43">
        <v>7.3622881355932202E-2</v>
      </c>
      <c r="I36" s="43">
        <v>3.7782485875706213E-2</v>
      </c>
      <c r="J36" s="43">
        <v>9.3396892655367228E-2</v>
      </c>
      <c r="K36" s="43">
        <v>3.0014124293785312E-3</v>
      </c>
      <c r="L36" s="43">
        <v>3.6899717514124297E-2</v>
      </c>
      <c r="M36" s="43">
        <v>1.641949152542373E-2</v>
      </c>
      <c r="N36" s="43">
        <v>3.1073446327683617E-2</v>
      </c>
      <c r="O36" s="43">
        <v>0.40607344632768361</v>
      </c>
      <c r="P36" s="42">
        <v>0.12076271186440678</v>
      </c>
      <c r="Q36" s="44">
        <v>1</v>
      </c>
      <c r="R36" s="224"/>
      <c r="S36" s="224"/>
    </row>
    <row r="37" spans="1:19" ht="20.100000000000001" hidden="1" customHeight="1" x14ac:dyDescent="0.2">
      <c r="A37" s="374"/>
      <c r="B37" s="224"/>
      <c r="C37" s="45"/>
      <c r="D37" s="45"/>
      <c r="E37" s="45"/>
      <c r="F37" s="45"/>
      <c r="G37" s="45"/>
      <c r="H37" s="45"/>
      <c r="I37" s="45"/>
      <c r="J37" s="45"/>
      <c r="K37" s="45"/>
      <c r="L37" s="45"/>
      <c r="M37" s="45"/>
      <c r="N37" s="45"/>
      <c r="O37" s="45"/>
      <c r="P37" s="45"/>
      <c r="Q37" s="46"/>
      <c r="R37" s="224"/>
      <c r="S37" s="224"/>
    </row>
    <row r="38" spans="1:19" ht="20.100000000000001" customHeight="1" thickBot="1" x14ac:dyDescent="0.25">
      <c r="A38" s="224" t="s">
        <v>329</v>
      </c>
      <c r="B38" s="224"/>
      <c r="C38" s="45"/>
      <c r="D38" s="45"/>
      <c r="E38" s="224"/>
      <c r="F38" s="45"/>
      <c r="G38" s="224"/>
      <c r="H38" s="224" t="s">
        <v>330</v>
      </c>
      <c r="I38" s="224"/>
      <c r="J38" s="45"/>
      <c r="K38" s="45"/>
      <c r="L38" s="45"/>
      <c r="M38" s="224"/>
      <c r="N38" s="45"/>
      <c r="O38" s="45"/>
      <c r="P38" s="45"/>
      <c r="Q38" s="45"/>
      <c r="R38" s="46"/>
      <c r="S38" s="224"/>
    </row>
    <row r="39" spans="1:19" ht="20.100000000000001" customHeight="1" thickBot="1" x14ac:dyDescent="0.25">
      <c r="A39" s="344" t="s">
        <v>121</v>
      </c>
      <c r="B39" s="345" t="s">
        <v>183</v>
      </c>
      <c r="C39" s="375" t="s">
        <v>226</v>
      </c>
      <c r="D39" s="376" t="s">
        <v>280</v>
      </c>
      <c r="E39" s="377" t="s">
        <v>70</v>
      </c>
      <c r="F39" s="378" t="s">
        <v>55</v>
      </c>
      <c r="G39" s="224"/>
      <c r="H39" s="344" t="s">
        <v>121</v>
      </c>
      <c r="I39" s="345" t="s">
        <v>183</v>
      </c>
      <c r="J39" s="376" t="s">
        <v>135</v>
      </c>
      <c r="K39" s="376" t="s">
        <v>136</v>
      </c>
      <c r="L39" s="379" t="s">
        <v>228</v>
      </c>
      <c r="M39" s="377" t="s">
        <v>70</v>
      </c>
      <c r="N39" s="378" t="s">
        <v>55</v>
      </c>
      <c r="O39" s="380"/>
      <c r="P39" s="224"/>
      <c r="Q39" s="224"/>
      <c r="R39" s="224"/>
      <c r="S39" s="224"/>
    </row>
    <row r="40" spans="1:19" ht="20.100000000000001" customHeight="1" thickTop="1" x14ac:dyDescent="0.2">
      <c r="A40" s="353" t="s">
        <v>39</v>
      </c>
      <c r="B40" s="566">
        <v>81</v>
      </c>
      <c r="C40" s="567">
        <v>55</v>
      </c>
      <c r="D40" s="568">
        <v>683</v>
      </c>
      <c r="E40" s="568">
        <v>1453</v>
      </c>
      <c r="F40" s="569">
        <v>2191</v>
      </c>
      <c r="G40" s="224"/>
      <c r="H40" s="353" t="s">
        <v>39</v>
      </c>
      <c r="I40" s="566">
        <v>81</v>
      </c>
      <c r="J40" s="579">
        <v>380</v>
      </c>
      <c r="K40" s="568">
        <v>98</v>
      </c>
      <c r="L40" s="580">
        <v>212</v>
      </c>
      <c r="M40" s="568">
        <v>1467</v>
      </c>
      <c r="N40" s="569">
        <v>2157</v>
      </c>
      <c r="O40" s="380"/>
      <c r="P40" s="224"/>
      <c r="Q40" s="224"/>
      <c r="R40" s="224"/>
      <c r="S40" s="224"/>
    </row>
    <row r="41" spans="1:19" ht="20.100000000000001" customHeight="1" x14ac:dyDescent="0.2">
      <c r="A41" s="320" t="s">
        <v>40</v>
      </c>
      <c r="B41" s="570">
        <v>28</v>
      </c>
      <c r="C41" s="571">
        <v>29</v>
      </c>
      <c r="D41" s="572">
        <v>269</v>
      </c>
      <c r="E41" s="572">
        <v>676</v>
      </c>
      <c r="F41" s="573">
        <v>974</v>
      </c>
      <c r="G41" s="224"/>
      <c r="H41" s="320" t="s">
        <v>40</v>
      </c>
      <c r="I41" s="570">
        <v>28</v>
      </c>
      <c r="J41" s="581">
        <v>76</v>
      </c>
      <c r="K41" s="572">
        <v>143</v>
      </c>
      <c r="L41" s="582">
        <v>82</v>
      </c>
      <c r="M41" s="572">
        <v>619</v>
      </c>
      <c r="N41" s="573">
        <v>920</v>
      </c>
      <c r="O41" s="383"/>
      <c r="P41" s="224"/>
      <c r="Q41" s="224"/>
      <c r="R41" s="224"/>
      <c r="S41" s="224"/>
    </row>
    <row r="42" spans="1:19" ht="20.100000000000001" customHeight="1" x14ac:dyDescent="0.2">
      <c r="A42" s="320" t="s">
        <v>41</v>
      </c>
      <c r="B42" s="570">
        <v>21</v>
      </c>
      <c r="C42" s="571">
        <v>29</v>
      </c>
      <c r="D42" s="572">
        <v>173</v>
      </c>
      <c r="E42" s="572">
        <v>256</v>
      </c>
      <c r="F42" s="573">
        <v>458</v>
      </c>
      <c r="G42" s="224"/>
      <c r="H42" s="320" t="s">
        <v>41</v>
      </c>
      <c r="I42" s="570">
        <v>21</v>
      </c>
      <c r="J42" s="581">
        <v>99</v>
      </c>
      <c r="K42" s="572">
        <v>45</v>
      </c>
      <c r="L42" s="582">
        <v>63</v>
      </c>
      <c r="M42" s="572">
        <v>248</v>
      </c>
      <c r="N42" s="573">
        <v>455</v>
      </c>
      <c r="O42" s="383"/>
      <c r="P42" s="224"/>
      <c r="Q42" s="224"/>
      <c r="R42" s="224"/>
      <c r="S42" s="224"/>
    </row>
    <row r="43" spans="1:19" ht="20.100000000000001" customHeight="1" x14ac:dyDescent="0.2">
      <c r="A43" s="320" t="s">
        <v>42</v>
      </c>
      <c r="B43" s="570">
        <v>20</v>
      </c>
      <c r="C43" s="571">
        <v>29</v>
      </c>
      <c r="D43" s="572">
        <v>180</v>
      </c>
      <c r="E43" s="572">
        <v>194</v>
      </c>
      <c r="F43" s="573">
        <v>403</v>
      </c>
      <c r="G43" s="224"/>
      <c r="H43" s="384" t="s">
        <v>42</v>
      </c>
      <c r="I43" s="570">
        <v>20</v>
      </c>
      <c r="J43" s="581">
        <v>153</v>
      </c>
      <c r="K43" s="572">
        <v>37</v>
      </c>
      <c r="L43" s="582">
        <v>31</v>
      </c>
      <c r="M43" s="572">
        <v>181</v>
      </c>
      <c r="N43" s="573">
        <v>402</v>
      </c>
      <c r="O43" s="383"/>
      <c r="P43" s="224"/>
      <c r="Q43" s="224"/>
      <c r="R43" s="224"/>
      <c r="S43" s="224"/>
    </row>
    <row r="44" spans="1:19" ht="20.100000000000001" customHeight="1" x14ac:dyDescent="0.2">
      <c r="A44" s="320" t="s">
        <v>43</v>
      </c>
      <c r="B44" s="570">
        <v>12</v>
      </c>
      <c r="C44" s="571">
        <v>6</v>
      </c>
      <c r="D44" s="572">
        <v>69</v>
      </c>
      <c r="E44" s="572">
        <v>146</v>
      </c>
      <c r="F44" s="573">
        <v>221</v>
      </c>
      <c r="G44" s="224"/>
      <c r="H44" s="320" t="s">
        <v>43</v>
      </c>
      <c r="I44" s="570">
        <v>12</v>
      </c>
      <c r="J44" s="581">
        <v>31</v>
      </c>
      <c r="K44" s="572">
        <v>2</v>
      </c>
      <c r="L44" s="582">
        <v>13</v>
      </c>
      <c r="M44" s="572">
        <v>108</v>
      </c>
      <c r="N44" s="573">
        <v>154</v>
      </c>
      <c r="O44" s="383"/>
      <c r="P44" s="224"/>
      <c r="Q44" s="224"/>
      <c r="R44" s="224"/>
      <c r="S44" s="224"/>
    </row>
    <row r="45" spans="1:19" ht="20.100000000000001" customHeight="1" x14ac:dyDescent="0.2">
      <c r="A45" s="320" t="s">
        <v>44</v>
      </c>
      <c r="B45" s="570">
        <v>14</v>
      </c>
      <c r="C45" s="571">
        <v>1</v>
      </c>
      <c r="D45" s="572">
        <v>127</v>
      </c>
      <c r="E45" s="572">
        <v>142</v>
      </c>
      <c r="F45" s="573">
        <v>270</v>
      </c>
      <c r="G45" s="224"/>
      <c r="H45" s="320" t="s">
        <v>44</v>
      </c>
      <c r="I45" s="570">
        <v>14</v>
      </c>
      <c r="J45" s="581">
        <v>72</v>
      </c>
      <c r="K45" s="572">
        <v>5</v>
      </c>
      <c r="L45" s="582">
        <v>1</v>
      </c>
      <c r="M45" s="572">
        <v>192</v>
      </c>
      <c r="N45" s="573">
        <v>270</v>
      </c>
      <c r="O45" s="383"/>
      <c r="P45" s="224"/>
      <c r="Q45" s="224"/>
      <c r="R45" s="224"/>
      <c r="S45" s="224"/>
    </row>
    <row r="46" spans="1:19" ht="20.100000000000001" customHeight="1" x14ac:dyDescent="0.2">
      <c r="A46" s="320" t="s">
        <v>45</v>
      </c>
      <c r="B46" s="570">
        <v>21</v>
      </c>
      <c r="C46" s="571">
        <v>21</v>
      </c>
      <c r="D46" s="572">
        <v>126</v>
      </c>
      <c r="E46" s="572">
        <v>212</v>
      </c>
      <c r="F46" s="573">
        <v>359</v>
      </c>
      <c r="G46" s="224"/>
      <c r="H46" s="320" t="s">
        <v>45</v>
      </c>
      <c r="I46" s="570">
        <v>21</v>
      </c>
      <c r="J46" s="581">
        <v>97</v>
      </c>
      <c r="K46" s="572">
        <v>16</v>
      </c>
      <c r="L46" s="582">
        <v>33</v>
      </c>
      <c r="M46" s="572">
        <v>190</v>
      </c>
      <c r="N46" s="573">
        <v>336</v>
      </c>
      <c r="O46" s="383"/>
      <c r="P46" s="224"/>
      <c r="Q46" s="224"/>
      <c r="R46" s="224"/>
      <c r="S46" s="224"/>
    </row>
    <row r="47" spans="1:19" ht="20.100000000000001" customHeight="1" thickBot="1" x14ac:dyDescent="0.25">
      <c r="A47" s="321" t="s">
        <v>46</v>
      </c>
      <c r="B47" s="574">
        <v>12</v>
      </c>
      <c r="C47" s="571">
        <v>2</v>
      </c>
      <c r="D47" s="572">
        <v>52</v>
      </c>
      <c r="E47" s="572">
        <v>104</v>
      </c>
      <c r="F47" s="573">
        <v>158</v>
      </c>
      <c r="G47" s="224"/>
      <c r="H47" s="321" t="s">
        <v>46</v>
      </c>
      <c r="I47" s="574">
        <v>12</v>
      </c>
      <c r="J47" s="581">
        <v>30</v>
      </c>
      <c r="K47" s="572">
        <v>19</v>
      </c>
      <c r="L47" s="582">
        <v>2</v>
      </c>
      <c r="M47" s="572">
        <v>112</v>
      </c>
      <c r="N47" s="573">
        <v>163</v>
      </c>
      <c r="O47" s="383"/>
      <c r="P47" s="224"/>
      <c r="Q47" s="224"/>
      <c r="R47" s="224"/>
      <c r="S47" s="224"/>
    </row>
    <row r="48" spans="1:19" ht="20.100000000000001" customHeight="1" thickTop="1" thickBot="1" x14ac:dyDescent="0.25">
      <c r="A48" s="316" t="s">
        <v>56</v>
      </c>
      <c r="B48" s="575">
        <v>209</v>
      </c>
      <c r="C48" s="576">
        <v>172</v>
      </c>
      <c r="D48" s="576">
        <v>1679</v>
      </c>
      <c r="E48" s="577">
        <v>3183</v>
      </c>
      <c r="F48" s="578">
        <v>5034</v>
      </c>
      <c r="G48" s="224"/>
      <c r="H48" s="316" t="s">
        <v>56</v>
      </c>
      <c r="I48" s="575">
        <v>209</v>
      </c>
      <c r="J48" s="576">
        <v>938</v>
      </c>
      <c r="K48" s="576">
        <v>365</v>
      </c>
      <c r="L48" s="576">
        <v>437</v>
      </c>
      <c r="M48" s="577">
        <v>3117</v>
      </c>
      <c r="N48" s="578">
        <v>4857</v>
      </c>
      <c r="O48" s="48"/>
      <c r="P48" s="224"/>
      <c r="Q48" s="224"/>
      <c r="R48" s="224"/>
      <c r="S48" s="224"/>
    </row>
    <row r="49" spans="1:23" ht="20.100000000000001" customHeight="1" thickTop="1" thickBot="1" x14ac:dyDescent="0.25">
      <c r="A49" s="372" t="s">
        <v>148</v>
      </c>
      <c r="B49" s="373"/>
      <c r="C49" s="7">
        <v>3.4167659912594357E-2</v>
      </c>
      <c r="D49" s="43">
        <v>0.33353198251887167</v>
      </c>
      <c r="E49" s="49">
        <v>0.63230035756853398</v>
      </c>
      <c r="F49" s="50">
        <v>1</v>
      </c>
      <c r="G49" s="224"/>
      <c r="H49" s="372" t="s">
        <v>148</v>
      </c>
      <c r="I49" s="373"/>
      <c r="J49" s="42">
        <v>0.19312332715668107</v>
      </c>
      <c r="K49" s="43">
        <v>7.5149269096149884E-2</v>
      </c>
      <c r="L49" s="43">
        <v>8.9973234506897259E-2</v>
      </c>
      <c r="M49" s="49">
        <v>0.64175416924027173</v>
      </c>
      <c r="N49" s="50">
        <v>1</v>
      </c>
      <c r="O49" s="45"/>
      <c r="P49" s="45"/>
      <c r="Q49" s="45"/>
      <c r="R49" s="45"/>
      <c r="S49" s="46"/>
      <c r="T49" s="45"/>
    </row>
    <row r="50" spans="1:23" ht="20.100000000000001" customHeight="1" x14ac:dyDescent="0.2">
      <c r="A50" s="374"/>
      <c r="B50" s="224"/>
      <c r="C50" s="45"/>
      <c r="D50" s="45"/>
      <c r="E50" s="45"/>
      <c r="F50" s="45"/>
      <c r="G50" s="224"/>
      <c r="H50" s="374"/>
      <c r="I50" s="374"/>
      <c r="J50" s="45"/>
      <c r="K50" s="45"/>
      <c r="L50" s="45"/>
      <c r="M50" s="45"/>
      <c r="N50" s="45"/>
      <c r="O50" s="45"/>
      <c r="P50" s="45"/>
      <c r="Q50" s="45"/>
      <c r="R50" s="45"/>
      <c r="S50" s="45"/>
      <c r="U50" s="45"/>
      <c r="V50" s="45"/>
      <c r="W50" s="46"/>
    </row>
    <row r="51" spans="1:23" ht="20.100000000000001" customHeight="1" thickBot="1" x14ac:dyDescent="0.25">
      <c r="A51" s="224" t="s">
        <v>331</v>
      </c>
      <c r="B51" s="224"/>
      <c r="C51" s="46"/>
      <c r="D51" s="224"/>
      <c r="E51" s="224"/>
      <c r="F51" s="224"/>
      <c r="G51" s="224"/>
      <c r="H51" s="224"/>
      <c r="I51" s="224"/>
      <c r="J51" s="224"/>
      <c r="K51" s="224"/>
      <c r="L51" s="224"/>
      <c r="M51" s="224"/>
      <c r="N51" s="224"/>
      <c r="O51" s="224"/>
      <c r="P51" s="224"/>
      <c r="Q51" s="224"/>
      <c r="R51" s="224"/>
      <c r="S51" s="224"/>
    </row>
    <row r="52" spans="1:23" ht="20.100000000000001" customHeight="1" x14ac:dyDescent="0.2">
      <c r="A52" s="747" t="s">
        <v>112</v>
      </c>
      <c r="B52" s="748"/>
      <c r="C52" s="751" t="s">
        <v>113</v>
      </c>
      <c r="D52" s="752"/>
      <c r="E52" s="752"/>
      <c r="F52" s="752"/>
      <c r="G52" s="752"/>
      <c r="H52" s="752"/>
      <c r="I52" s="752"/>
      <c r="J52" s="752"/>
      <c r="K52" s="752"/>
      <c r="L52" s="752"/>
      <c r="M52" s="752"/>
      <c r="N52" s="753"/>
      <c r="O52" s="754" t="s">
        <v>145</v>
      </c>
      <c r="P52" s="754" t="s">
        <v>148</v>
      </c>
      <c r="Q52" s="224"/>
      <c r="R52" s="224"/>
      <c r="S52" s="385"/>
    </row>
    <row r="53" spans="1:23" ht="20.100000000000001" customHeight="1" thickBot="1" x14ac:dyDescent="0.25">
      <c r="A53" s="749"/>
      <c r="B53" s="750"/>
      <c r="C53" s="386" t="s">
        <v>116</v>
      </c>
      <c r="D53" s="387" t="s">
        <v>148</v>
      </c>
      <c r="E53" s="388" t="s">
        <v>114</v>
      </c>
      <c r="F53" s="387" t="s">
        <v>148</v>
      </c>
      <c r="G53" s="388" t="s">
        <v>108</v>
      </c>
      <c r="H53" s="387" t="s">
        <v>148</v>
      </c>
      <c r="I53" s="388" t="s">
        <v>115</v>
      </c>
      <c r="J53" s="387" t="s">
        <v>148</v>
      </c>
      <c r="K53" s="388" t="s">
        <v>109</v>
      </c>
      <c r="L53" s="387" t="s">
        <v>148</v>
      </c>
      <c r="M53" s="389" t="s">
        <v>110</v>
      </c>
      <c r="N53" s="390" t="s">
        <v>148</v>
      </c>
      <c r="O53" s="755"/>
      <c r="P53" s="755"/>
      <c r="Q53" s="224"/>
      <c r="R53" s="224"/>
      <c r="S53" s="385"/>
    </row>
    <row r="54" spans="1:23" ht="20.100000000000001" customHeight="1" thickTop="1" x14ac:dyDescent="0.2">
      <c r="A54" s="756" t="s">
        <v>106</v>
      </c>
      <c r="B54" s="757"/>
      <c r="C54" s="588">
        <v>0</v>
      </c>
      <c r="D54" s="8">
        <v>0</v>
      </c>
      <c r="E54" s="608">
        <v>0</v>
      </c>
      <c r="F54" s="8">
        <v>0</v>
      </c>
      <c r="G54" s="609">
        <v>0</v>
      </c>
      <c r="H54" s="615">
        <v>0</v>
      </c>
      <c r="I54" s="609">
        <v>0</v>
      </c>
      <c r="J54" s="615">
        <v>0</v>
      </c>
      <c r="K54" s="609">
        <v>1</v>
      </c>
      <c r="L54" s="171">
        <v>2.2831050228310501E-3</v>
      </c>
      <c r="M54" s="611">
        <v>178</v>
      </c>
      <c r="N54" s="72">
        <v>5.4169202678027994E-2</v>
      </c>
      <c r="O54" s="612">
        <v>179</v>
      </c>
      <c r="P54" s="66">
        <v>3.1603107344632765E-2</v>
      </c>
      <c r="Q54" s="224"/>
      <c r="R54" s="385"/>
      <c r="S54" s="391"/>
    </row>
    <row r="55" spans="1:23" ht="20.100000000000001" customHeight="1" x14ac:dyDescent="0.2">
      <c r="A55" s="739" t="s">
        <v>215</v>
      </c>
      <c r="B55" s="740"/>
      <c r="C55" s="589">
        <v>5</v>
      </c>
      <c r="D55" s="51">
        <v>1.2315270935960592E-2</v>
      </c>
      <c r="E55" s="590">
        <v>7</v>
      </c>
      <c r="F55" s="51">
        <v>1.4613778705636743E-2</v>
      </c>
      <c r="G55" s="591">
        <v>27</v>
      </c>
      <c r="H55" s="52">
        <v>5.1724137931034482E-2</v>
      </c>
      <c r="I55" s="591">
        <v>38</v>
      </c>
      <c r="J55" s="52">
        <v>7.1294559099437146E-2</v>
      </c>
      <c r="K55" s="591">
        <v>30</v>
      </c>
      <c r="L55" s="53">
        <v>6.8493150684931503E-2</v>
      </c>
      <c r="M55" s="593">
        <v>78</v>
      </c>
      <c r="N55" s="54">
        <v>2.3737066342057214E-2</v>
      </c>
      <c r="O55" s="612">
        <v>185</v>
      </c>
      <c r="P55" s="67">
        <v>3.2662429378531074E-2</v>
      </c>
      <c r="Q55" s="224"/>
      <c r="R55" s="224"/>
      <c r="S55" s="391"/>
    </row>
    <row r="56" spans="1:23" ht="20.100000000000001" customHeight="1" x14ac:dyDescent="0.2">
      <c r="A56" s="741" t="s">
        <v>216</v>
      </c>
      <c r="B56" s="742"/>
      <c r="C56" s="589">
        <v>4</v>
      </c>
      <c r="D56" s="51">
        <v>9.852216748768473E-3</v>
      </c>
      <c r="E56" s="590">
        <v>4</v>
      </c>
      <c r="F56" s="51">
        <v>8.350730688935281E-3</v>
      </c>
      <c r="G56" s="591">
        <v>8</v>
      </c>
      <c r="H56" s="52">
        <v>1.532567049808429E-2</v>
      </c>
      <c r="I56" s="591">
        <v>6</v>
      </c>
      <c r="J56" s="52">
        <v>1.125703564727955E-2</v>
      </c>
      <c r="K56" s="591">
        <v>13</v>
      </c>
      <c r="L56" s="53">
        <v>2.9680365296803651E-2</v>
      </c>
      <c r="M56" s="593">
        <v>235</v>
      </c>
      <c r="N56" s="54">
        <v>7.1515520389531351E-2</v>
      </c>
      <c r="O56" s="612">
        <v>270</v>
      </c>
      <c r="P56" s="67">
        <v>4.7669491525423727E-2</v>
      </c>
      <c r="Q56" s="224"/>
      <c r="R56" s="224"/>
      <c r="S56" s="391"/>
    </row>
    <row r="57" spans="1:23" ht="20.100000000000001" customHeight="1" x14ac:dyDescent="0.2">
      <c r="A57" s="739" t="s">
        <v>217</v>
      </c>
      <c r="B57" s="740"/>
      <c r="C57" s="589">
        <v>6</v>
      </c>
      <c r="D57" s="51">
        <v>1.4778325123152709E-2</v>
      </c>
      <c r="E57" s="590">
        <v>13</v>
      </c>
      <c r="F57" s="51">
        <v>2.7139874739039668E-2</v>
      </c>
      <c r="G57" s="591">
        <v>11</v>
      </c>
      <c r="H57" s="52">
        <v>2.1072796934865901E-2</v>
      </c>
      <c r="I57" s="591">
        <v>19</v>
      </c>
      <c r="J57" s="52">
        <v>3.5647279549718573E-2</v>
      </c>
      <c r="K57" s="591">
        <v>7</v>
      </c>
      <c r="L57" s="53">
        <v>1.5981735159817351E-2</v>
      </c>
      <c r="M57" s="593">
        <v>20</v>
      </c>
      <c r="N57" s="54">
        <v>6.0864272671941567E-3</v>
      </c>
      <c r="O57" s="612">
        <v>76</v>
      </c>
      <c r="P57" s="67">
        <v>1.3418079096045197E-2</v>
      </c>
      <c r="Q57" s="224"/>
      <c r="R57" s="224"/>
      <c r="S57" s="391"/>
    </row>
    <row r="58" spans="1:23" ht="20.100000000000001" customHeight="1" x14ac:dyDescent="0.2">
      <c r="A58" s="739" t="s">
        <v>218</v>
      </c>
      <c r="B58" s="740"/>
      <c r="C58" s="589">
        <v>45</v>
      </c>
      <c r="D58" s="51">
        <v>0.11083743842364532</v>
      </c>
      <c r="E58" s="590">
        <v>31</v>
      </c>
      <c r="F58" s="51">
        <v>6.471816283924843E-2</v>
      </c>
      <c r="G58" s="591">
        <v>20</v>
      </c>
      <c r="H58" s="52">
        <v>3.8314176245210725E-2</v>
      </c>
      <c r="I58" s="591">
        <v>26</v>
      </c>
      <c r="J58" s="52">
        <v>4.878048780487805E-2</v>
      </c>
      <c r="K58" s="591">
        <v>17</v>
      </c>
      <c r="L58" s="53">
        <v>3.8812785388127852E-2</v>
      </c>
      <c r="M58" s="593">
        <v>176</v>
      </c>
      <c r="N58" s="54">
        <v>5.3560559951308581E-2</v>
      </c>
      <c r="O58" s="612">
        <v>315</v>
      </c>
      <c r="P58" s="67">
        <v>5.5614406779661014E-2</v>
      </c>
      <c r="Q58" s="224"/>
      <c r="R58" s="224"/>
      <c r="S58" s="391"/>
    </row>
    <row r="59" spans="1:23" ht="20.100000000000001" customHeight="1" x14ac:dyDescent="0.2">
      <c r="A59" s="739" t="s">
        <v>219</v>
      </c>
      <c r="B59" s="740"/>
      <c r="C59" s="589">
        <v>95</v>
      </c>
      <c r="D59" s="51">
        <v>0.23399014778325122</v>
      </c>
      <c r="E59" s="590">
        <v>72</v>
      </c>
      <c r="F59" s="51">
        <v>0.15031315240083507</v>
      </c>
      <c r="G59" s="591">
        <v>52</v>
      </c>
      <c r="H59" s="52">
        <v>9.9616858237547887E-2</v>
      </c>
      <c r="I59" s="591">
        <v>32</v>
      </c>
      <c r="J59" s="52">
        <v>6.0037523452157598E-2</v>
      </c>
      <c r="K59" s="591">
        <v>33</v>
      </c>
      <c r="L59" s="53">
        <v>7.5342465753424653E-2</v>
      </c>
      <c r="M59" s="593">
        <v>133</v>
      </c>
      <c r="N59" s="54">
        <v>4.0474741326841146E-2</v>
      </c>
      <c r="O59" s="612">
        <v>417</v>
      </c>
      <c r="P59" s="67">
        <v>7.3622881355932202E-2</v>
      </c>
      <c r="Q59" s="224"/>
      <c r="R59" s="224"/>
      <c r="S59" s="391"/>
    </row>
    <row r="60" spans="1:23" ht="20.100000000000001" customHeight="1" x14ac:dyDescent="0.2">
      <c r="A60" s="739" t="s">
        <v>281</v>
      </c>
      <c r="B60" s="740"/>
      <c r="C60" s="589">
        <v>8</v>
      </c>
      <c r="D60" s="51">
        <v>1.9704433497536946E-2</v>
      </c>
      <c r="E60" s="590">
        <v>15</v>
      </c>
      <c r="F60" s="51">
        <v>3.1315240083507306E-2</v>
      </c>
      <c r="G60" s="591">
        <v>14</v>
      </c>
      <c r="H60" s="52">
        <v>2.681992337164751E-2</v>
      </c>
      <c r="I60" s="591">
        <v>18</v>
      </c>
      <c r="J60" s="52">
        <v>3.3771106941838651E-2</v>
      </c>
      <c r="K60" s="591">
        <v>19</v>
      </c>
      <c r="L60" s="53">
        <v>4.3378995433789952E-2</v>
      </c>
      <c r="M60" s="593">
        <v>140</v>
      </c>
      <c r="N60" s="54">
        <v>4.26049908703591E-2</v>
      </c>
      <c r="O60" s="612">
        <v>214</v>
      </c>
      <c r="P60" s="67">
        <v>3.7782485875706213E-2</v>
      </c>
      <c r="Q60" s="224"/>
      <c r="R60" s="224"/>
      <c r="S60" s="391"/>
    </row>
    <row r="61" spans="1:23" ht="20.100000000000001" customHeight="1" x14ac:dyDescent="0.2">
      <c r="A61" s="739" t="s">
        <v>220</v>
      </c>
      <c r="B61" s="740"/>
      <c r="C61" s="589">
        <v>17</v>
      </c>
      <c r="D61" s="51">
        <v>4.1871921182266007E-2</v>
      </c>
      <c r="E61" s="590">
        <v>40</v>
      </c>
      <c r="F61" s="51">
        <v>8.3507306889352817E-2</v>
      </c>
      <c r="G61" s="591">
        <v>50</v>
      </c>
      <c r="H61" s="52">
        <v>9.5785440613026823E-2</v>
      </c>
      <c r="I61" s="591">
        <v>70</v>
      </c>
      <c r="J61" s="52">
        <v>0.13133208255159476</v>
      </c>
      <c r="K61" s="591">
        <v>60</v>
      </c>
      <c r="L61" s="53">
        <v>0.13698630136986301</v>
      </c>
      <c r="M61" s="593">
        <v>292</v>
      </c>
      <c r="N61" s="54">
        <v>8.8861838101034693E-2</v>
      </c>
      <c r="O61" s="612">
        <v>529</v>
      </c>
      <c r="P61" s="67">
        <v>9.3396892655367228E-2</v>
      </c>
      <c r="Q61" s="224"/>
      <c r="R61" s="224"/>
      <c r="S61" s="391"/>
    </row>
    <row r="62" spans="1:23" ht="20.100000000000001" customHeight="1" x14ac:dyDescent="0.2">
      <c r="A62" s="739" t="s">
        <v>221</v>
      </c>
      <c r="B62" s="740"/>
      <c r="C62" s="589">
        <v>2</v>
      </c>
      <c r="D62" s="51">
        <v>4.9261083743842365E-3</v>
      </c>
      <c r="E62" s="590">
        <v>1</v>
      </c>
      <c r="F62" s="51">
        <v>2.0876826722338203E-3</v>
      </c>
      <c r="G62" s="591">
        <v>1</v>
      </c>
      <c r="H62" s="52">
        <v>1.9157088122605363E-3</v>
      </c>
      <c r="I62" s="591">
        <v>0</v>
      </c>
      <c r="J62" s="52">
        <v>0</v>
      </c>
      <c r="K62" s="591">
        <v>4</v>
      </c>
      <c r="L62" s="53">
        <v>9.1324200913242004E-3</v>
      </c>
      <c r="M62" s="593">
        <v>9</v>
      </c>
      <c r="N62" s="54">
        <v>2.7388922702373708E-3</v>
      </c>
      <c r="O62" s="612">
        <v>17</v>
      </c>
      <c r="P62" s="67">
        <v>3.0014124293785312E-3</v>
      </c>
      <c r="Q62" s="224"/>
      <c r="R62" s="224"/>
      <c r="S62" s="391"/>
    </row>
    <row r="63" spans="1:23" ht="20.100000000000001" customHeight="1" x14ac:dyDescent="0.2">
      <c r="A63" s="739" t="s">
        <v>222</v>
      </c>
      <c r="B63" s="740"/>
      <c r="C63" s="589">
        <v>18</v>
      </c>
      <c r="D63" s="51">
        <v>4.4334975369458129E-2</v>
      </c>
      <c r="E63" s="590">
        <v>17</v>
      </c>
      <c r="F63" s="51">
        <v>3.5490605427974949E-2</v>
      </c>
      <c r="G63" s="591">
        <v>13</v>
      </c>
      <c r="H63" s="52">
        <v>2.4904214559386972E-2</v>
      </c>
      <c r="I63" s="591">
        <v>12</v>
      </c>
      <c r="J63" s="52">
        <v>2.2514071294559099E-2</v>
      </c>
      <c r="K63" s="591">
        <v>16</v>
      </c>
      <c r="L63" s="53">
        <v>3.6529680365296802E-2</v>
      </c>
      <c r="M63" s="593">
        <v>133</v>
      </c>
      <c r="N63" s="54">
        <v>4.0474741326841146E-2</v>
      </c>
      <c r="O63" s="612">
        <v>209</v>
      </c>
      <c r="P63" s="67">
        <v>3.6899717514124297E-2</v>
      </c>
      <c r="Q63" s="224"/>
      <c r="R63" s="224"/>
      <c r="S63" s="391"/>
    </row>
    <row r="64" spans="1:23" ht="20.100000000000001" customHeight="1" x14ac:dyDescent="0.2">
      <c r="A64" s="741" t="s">
        <v>223</v>
      </c>
      <c r="B64" s="742"/>
      <c r="C64" s="589">
        <v>0</v>
      </c>
      <c r="D64" s="51">
        <v>0</v>
      </c>
      <c r="E64" s="590">
        <v>3</v>
      </c>
      <c r="F64" s="51">
        <v>6.2630480167014616E-3</v>
      </c>
      <c r="G64" s="591">
        <v>8</v>
      </c>
      <c r="H64" s="52">
        <v>1.532567049808429E-2</v>
      </c>
      <c r="I64" s="591">
        <v>5</v>
      </c>
      <c r="J64" s="52">
        <v>9.3808630393996256E-3</v>
      </c>
      <c r="K64" s="591">
        <v>6</v>
      </c>
      <c r="L64" s="53">
        <v>1.3698630136986301E-2</v>
      </c>
      <c r="M64" s="593">
        <v>71</v>
      </c>
      <c r="N64" s="54">
        <v>2.1606816798539256E-2</v>
      </c>
      <c r="O64" s="612">
        <v>93</v>
      </c>
      <c r="P64" s="67">
        <v>1.641949152542373E-2</v>
      </c>
      <c r="Q64" s="224"/>
      <c r="R64" s="224"/>
      <c r="S64" s="391"/>
    </row>
    <row r="65" spans="1:19" ht="20.100000000000001" customHeight="1" x14ac:dyDescent="0.2">
      <c r="A65" s="739" t="s">
        <v>224</v>
      </c>
      <c r="B65" s="740"/>
      <c r="C65" s="589">
        <v>22</v>
      </c>
      <c r="D65" s="51">
        <v>5.4187192118226604E-2</v>
      </c>
      <c r="E65" s="590">
        <v>14</v>
      </c>
      <c r="F65" s="51">
        <v>2.9227557411273485E-2</v>
      </c>
      <c r="G65" s="591">
        <v>8</v>
      </c>
      <c r="H65" s="52">
        <v>1.532567049808429E-2</v>
      </c>
      <c r="I65" s="591">
        <v>17</v>
      </c>
      <c r="J65" s="52">
        <v>3.1894934333958722E-2</v>
      </c>
      <c r="K65" s="591">
        <v>7</v>
      </c>
      <c r="L65" s="53">
        <v>1.5981735159817351E-2</v>
      </c>
      <c r="M65" s="593">
        <v>108</v>
      </c>
      <c r="N65" s="54">
        <v>3.2866707242848445E-2</v>
      </c>
      <c r="O65" s="612">
        <v>176</v>
      </c>
      <c r="P65" s="67">
        <v>3.1073446327683617E-2</v>
      </c>
      <c r="Q65" s="224"/>
      <c r="R65" s="224"/>
      <c r="S65" s="391"/>
    </row>
    <row r="66" spans="1:19" ht="20.100000000000001" customHeight="1" x14ac:dyDescent="0.2">
      <c r="A66" s="743" t="s">
        <v>225</v>
      </c>
      <c r="B66" s="744"/>
      <c r="C66" s="594">
        <v>152</v>
      </c>
      <c r="D66" s="55">
        <v>0.37438423645320196</v>
      </c>
      <c r="E66" s="595">
        <v>203</v>
      </c>
      <c r="F66" s="55">
        <v>0.42379958246346555</v>
      </c>
      <c r="G66" s="596">
        <v>248</v>
      </c>
      <c r="H66" s="56">
        <v>0.47509578544061304</v>
      </c>
      <c r="I66" s="596">
        <v>219</v>
      </c>
      <c r="J66" s="56">
        <v>0.41088180112570355</v>
      </c>
      <c r="K66" s="596">
        <v>192</v>
      </c>
      <c r="L66" s="57">
        <v>0.43835616438356162</v>
      </c>
      <c r="M66" s="597">
        <v>1286</v>
      </c>
      <c r="N66" s="58">
        <v>0.39135727328058428</v>
      </c>
      <c r="O66" s="612">
        <v>2300</v>
      </c>
      <c r="P66" s="67">
        <v>0.40607344632768361</v>
      </c>
      <c r="Q66" s="224"/>
      <c r="R66" s="224"/>
      <c r="S66" s="391"/>
    </row>
    <row r="67" spans="1:19" ht="20.100000000000001" customHeight="1" thickBot="1" x14ac:dyDescent="0.25">
      <c r="A67" s="735" t="s">
        <v>282</v>
      </c>
      <c r="B67" s="736"/>
      <c r="C67" s="598">
        <v>32</v>
      </c>
      <c r="D67" s="59">
        <v>7.8817733990147784E-2</v>
      </c>
      <c r="E67" s="599">
        <v>59</v>
      </c>
      <c r="F67" s="59">
        <v>0.12317327766179541</v>
      </c>
      <c r="G67" s="600">
        <v>62</v>
      </c>
      <c r="H67" s="60">
        <v>0.11877394636015326</v>
      </c>
      <c r="I67" s="600">
        <v>71</v>
      </c>
      <c r="J67" s="60">
        <v>0.13320825515947468</v>
      </c>
      <c r="K67" s="600">
        <v>33</v>
      </c>
      <c r="L67" s="61">
        <v>7.5342465753424653E-2</v>
      </c>
      <c r="M67" s="603">
        <v>427</v>
      </c>
      <c r="N67" s="62">
        <v>0.12994522215459525</v>
      </c>
      <c r="O67" s="612">
        <v>684</v>
      </c>
      <c r="P67" s="68">
        <v>0.12076271186440678</v>
      </c>
      <c r="Q67" s="224"/>
      <c r="R67" s="224"/>
      <c r="S67" s="391"/>
    </row>
    <row r="68" spans="1:19" ht="20.100000000000001" customHeight="1" thickTop="1" thickBot="1" x14ac:dyDescent="0.25">
      <c r="A68" s="737" t="s">
        <v>111</v>
      </c>
      <c r="B68" s="738"/>
      <c r="C68" s="604">
        <v>406</v>
      </c>
      <c r="D68" s="69">
        <v>1</v>
      </c>
      <c r="E68" s="605">
        <v>479</v>
      </c>
      <c r="F68" s="69">
        <v>0.99999999999999989</v>
      </c>
      <c r="G68" s="604">
        <v>522</v>
      </c>
      <c r="H68" s="25">
        <v>1</v>
      </c>
      <c r="I68" s="604">
        <v>533</v>
      </c>
      <c r="J68" s="25">
        <v>1</v>
      </c>
      <c r="K68" s="604">
        <v>438</v>
      </c>
      <c r="L68" s="70">
        <v>0.99999999999999989</v>
      </c>
      <c r="M68" s="606">
        <v>3286</v>
      </c>
      <c r="N68" s="70">
        <v>1</v>
      </c>
      <c r="O68" s="607">
        <v>5664</v>
      </c>
      <c r="P68" s="71">
        <v>1</v>
      </c>
      <c r="Q68" s="224"/>
      <c r="R68" s="224"/>
      <c r="S68" s="224"/>
    </row>
    <row r="70" spans="1:19" ht="20.100000000000001" customHeight="1" x14ac:dyDescent="0.2">
      <c r="C70" s="157"/>
    </row>
    <row r="71" spans="1:19" ht="20.100000000000001" customHeight="1" x14ac:dyDescent="0.2">
      <c r="C71" s="157"/>
    </row>
    <row r="72" spans="1:19" ht="20.100000000000001" customHeight="1" x14ac:dyDescent="0.2">
      <c r="C72" s="157"/>
    </row>
    <row r="73" spans="1:19" ht="20.100000000000001" customHeight="1" x14ac:dyDescent="0.2">
      <c r="C73" s="157"/>
    </row>
    <row r="74" spans="1:19" ht="20.100000000000001" customHeight="1" x14ac:dyDescent="0.2">
      <c r="C74" s="157"/>
    </row>
    <row r="75" spans="1:19" ht="20.100000000000001" customHeight="1" x14ac:dyDescent="0.2">
      <c r="C75" s="157"/>
    </row>
    <row r="76" spans="1:19" ht="20.100000000000001" customHeight="1" x14ac:dyDescent="0.2">
      <c r="C76" s="157"/>
    </row>
    <row r="77" spans="1:19" ht="20.100000000000001" customHeight="1" x14ac:dyDescent="0.2">
      <c r="C77" s="157"/>
    </row>
    <row r="78" spans="1:19" ht="20.100000000000001" customHeight="1" x14ac:dyDescent="0.2">
      <c r="C78" s="157"/>
    </row>
    <row r="79" spans="1:19" ht="20.100000000000001" customHeight="1" x14ac:dyDescent="0.2">
      <c r="C79" s="157"/>
    </row>
    <row r="80" spans="1:19" ht="20.100000000000001" customHeight="1" x14ac:dyDescent="0.2">
      <c r="C80" s="157"/>
    </row>
    <row r="81" spans="3:3" ht="20.100000000000001" customHeight="1" x14ac:dyDescent="0.2">
      <c r="C81" s="157"/>
    </row>
    <row r="82" spans="3:3" ht="20.100000000000001" customHeight="1" x14ac:dyDescent="0.2">
      <c r="C82" s="157"/>
    </row>
    <row r="83" spans="3:3" ht="20.100000000000001" customHeight="1" x14ac:dyDescent="0.2">
      <c r="C83" s="157"/>
    </row>
  </sheetData>
  <mergeCells count="27">
    <mergeCell ref="P20:Q20"/>
    <mergeCell ref="P15:Q15"/>
    <mergeCell ref="P16:Q16"/>
    <mergeCell ref="P17:Q17"/>
    <mergeCell ref="P18:Q18"/>
    <mergeCell ref="P19:Q19"/>
    <mergeCell ref="A60:B60"/>
    <mergeCell ref="P21:Q21"/>
    <mergeCell ref="A52:B53"/>
    <mergeCell ref="C52:N52"/>
    <mergeCell ref="O52:O53"/>
    <mergeCell ref="P52:P53"/>
    <mergeCell ref="A54:B54"/>
    <mergeCell ref="A55:B55"/>
    <mergeCell ref="A56:B56"/>
    <mergeCell ref="A57:B57"/>
    <mergeCell ref="A58:B58"/>
    <mergeCell ref="A59:B59"/>
    <mergeCell ref="P22:S23"/>
    <mergeCell ref="A67:B67"/>
    <mergeCell ref="A68:B68"/>
    <mergeCell ref="A61:B61"/>
    <mergeCell ref="A62:B62"/>
    <mergeCell ref="A63:B63"/>
    <mergeCell ref="A64:B64"/>
    <mergeCell ref="A65:B65"/>
    <mergeCell ref="A66:B66"/>
  </mergeCells>
  <phoneticPr fontId="1"/>
  <pageMargins left="0.82677165354330717" right="0.23622047244094491" top="0.35433070866141736" bottom="0.35433070866141736" header="0.31496062992125984" footer="0.31496062992125984"/>
  <pageSetup paperSize="9" scale="52" orientation="landscape" r:id="rId1"/>
  <headerFooter>
    <oddFooter>&amp;C&amp;P</oddFooter>
  </headerFooter>
  <rowBreaks count="1" manualBreakCount="1">
    <brk id="49" max="18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A1:X90"/>
  <sheetViews>
    <sheetView view="pageBreakPreview" zoomScale="80" zoomScaleNormal="80" zoomScaleSheetLayoutView="80" workbookViewId="0"/>
  </sheetViews>
  <sheetFormatPr defaultColWidth="14.59765625" defaultRowHeight="14.4" x14ac:dyDescent="0.2"/>
  <cols>
    <col min="1" max="5" width="14.59765625" style="1"/>
    <col min="6" max="6" width="6.59765625" style="1" customWidth="1"/>
    <col min="7" max="12" width="14.59765625" style="1"/>
    <col min="13" max="13" width="6.59765625" style="1" customWidth="1"/>
    <col min="14" max="15" width="14.59765625" style="1"/>
    <col min="16" max="16" width="70" style="1" customWidth="1"/>
    <col min="17" max="18" width="14.59765625" style="1"/>
    <col min="19" max="19" width="6.59765625" style="1" customWidth="1"/>
    <col min="20" max="16384" width="14.59765625" style="1"/>
  </cols>
  <sheetData>
    <row r="1" spans="1:13" ht="20.100000000000001" customHeight="1" x14ac:dyDescent="0.2">
      <c r="A1" s="298" t="s">
        <v>140</v>
      </c>
      <c r="B1" s="224"/>
      <c r="C1" s="224"/>
      <c r="D1" s="224"/>
      <c r="E1" s="224"/>
      <c r="F1" s="224"/>
      <c r="G1" s="224"/>
      <c r="H1" s="224"/>
      <c r="I1" s="224"/>
      <c r="J1" s="224"/>
      <c r="K1" s="224"/>
      <c r="L1" s="224"/>
      <c r="M1" s="224"/>
    </row>
    <row r="2" spans="1:13" ht="20.100000000000001" customHeight="1" x14ac:dyDescent="0.2">
      <c r="A2" s="224"/>
      <c r="B2" s="224"/>
      <c r="C2" s="374"/>
      <c r="D2" s="374"/>
      <c r="E2" s="374"/>
      <c r="F2" s="374"/>
      <c r="G2" s="224"/>
      <c r="H2" s="224"/>
      <c r="I2" s="224"/>
      <c r="J2" s="224"/>
      <c r="K2" s="224"/>
      <c r="L2" s="224"/>
      <c r="M2" s="224"/>
    </row>
    <row r="3" spans="1:13" ht="20.100000000000001" customHeight="1" thickBot="1" x14ac:dyDescent="0.25">
      <c r="A3" s="224" t="s">
        <v>178</v>
      </c>
      <c r="B3" s="224"/>
      <c r="C3" s="224"/>
      <c r="D3" s="392" t="s">
        <v>174</v>
      </c>
      <c r="E3" s="224"/>
      <c r="F3" s="224"/>
      <c r="G3" s="224"/>
      <c r="H3" s="224"/>
      <c r="I3" s="224"/>
      <c r="J3" s="224"/>
      <c r="K3" s="224"/>
      <c r="L3" s="224"/>
      <c r="M3" s="224"/>
    </row>
    <row r="4" spans="1:13" ht="20.100000000000001" customHeight="1" thickBot="1" x14ac:dyDescent="0.25">
      <c r="A4" s="375" t="s">
        <v>65</v>
      </c>
      <c r="B4" s="393" t="s">
        <v>125</v>
      </c>
      <c r="C4" s="224"/>
      <c r="D4" s="375" t="s">
        <v>121</v>
      </c>
      <c r="E4" s="393" t="s">
        <v>125</v>
      </c>
      <c r="F4" s="224"/>
      <c r="G4" s="224"/>
      <c r="H4" s="224"/>
      <c r="I4" s="224"/>
      <c r="J4" s="224"/>
      <c r="K4" s="224"/>
      <c r="L4" s="224"/>
      <c r="M4" s="224"/>
    </row>
    <row r="5" spans="1:13" ht="20.100000000000001" customHeight="1" thickTop="1" x14ac:dyDescent="0.2">
      <c r="A5" s="394" t="s">
        <v>86</v>
      </c>
      <c r="B5" s="395">
        <v>10</v>
      </c>
      <c r="C5" s="224"/>
      <c r="D5" s="394" t="s">
        <v>39</v>
      </c>
      <c r="E5" s="395">
        <v>47</v>
      </c>
      <c r="F5" s="224"/>
      <c r="G5" s="224"/>
      <c r="H5" s="224"/>
      <c r="I5" s="224"/>
      <c r="J5" s="224"/>
      <c r="K5" s="224"/>
      <c r="L5" s="224"/>
      <c r="M5" s="224"/>
    </row>
    <row r="6" spans="1:13" ht="20.100000000000001" customHeight="1" x14ac:dyDescent="0.2">
      <c r="A6" s="396" t="s">
        <v>87</v>
      </c>
      <c r="B6" s="397">
        <v>33</v>
      </c>
      <c r="C6" s="224"/>
      <c r="D6" s="396" t="s">
        <v>40</v>
      </c>
      <c r="E6" s="397">
        <v>19</v>
      </c>
      <c r="F6" s="224"/>
      <c r="G6" s="224"/>
      <c r="H6" s="224"/>
      <c r="I6" s="224"/>
      <c r="J6" s="224"/>
      <c r="K6" s="224"/>
      <c r="L6" s="224"/>
      <c r="M6" s="224"/>
    </row>
    <row r="7" spans="1:13" ht="20.100000000000001" customHeight="1" x14ac:dyDescent="0.2">
      <c r="A7" s="396" t="s">
        <v>88</v>
      </c>
      <c r="B7" s="397">
        <v>26</v>
      </c>
      <c r="C7" s="224"/>
      <c r="D7" s="396" t="s">
        <v>41</v>
      </c>
      <c r="E7" s="397">
        <v>10</v>
      </c>
      <c r="F7" s="224"/>
      <c r="G7" s="224"/>
      <c r="H7" s="224"/>
      <c r="I7" s="224"/>
      <c r="J7" s="224"/>
      <c r="K7" s="224"/>
      <c r="L7" s="224"/>
      <c r="M7" s="224"/>
    </row>
    <row r="8" spans="1:13" ht="20.100000000000001" customHeight="1" x14ac:dyDescent="0.2">
      <c r="A8" s="396" t="s">
        <v>89</v>
      </c>
      <c r="B8" s="397">
        <v>21</v>
      </c>
      <c r="C8" s="224"/>
      <c r="D8" s="396" t="s">
        <v>42</v>
      </c>
      <c r="E8" s="397">
        <v>12</v>
      </c>
      <c r="F8" s="224"/>
      <c r="G8" s="224"/>
      <c r="H8" s="224"/>
      <c r="I8" s="224"/>
      <c r="J8" s="224"/>
      <c r="K8" s="224"/>
      <c r="L8" s="224"/>
      <c r="M8" s="224"/>
    </row>
    <row r="9" spans="1:13" ht="20.100000000000001" customHeight="1" x14ac:dyDescent="0.2">
      <c r="A9" s="396" t="s">
        <v>90</v>
      </c>
      <c r="B9" s="397">
        <v>14</v>
      </c>
      <c r="C9" s="224"/>
      <c r="D9" s="396" t="s">
        <v>43</v>
      </c>
      <c r="E9" s="397">
        <v>8</v>
      </c>
      <c r="F9" s="224"/>
      <c r="G9" s="224"/>
      <c r="H9" s="224"/>
      <c r="I9" s="224"/>
      <c r="J9" s="224"/>
      <c r="K9" s="224"/>
      <c r="L9" s="224"/>
      <c r="M9" s="224"/>
    </row>
    <row r="10" spans="1:13" ht="20.100000000000001" customHeight="1" thickBot="1" x14ac:dyDescent="0.25">
      <c r="A10" s="398" t="s">
        <v>10</v>
      </c>
      <c r="B10" s="399">
        <v>20</v>
      </c>
      <c r="C10" s="224"/>
      <c r="D10" s="396" t="s">
        <v>44</v>
      </c>
      <c r="E10" s="397">
        <v>9</v>
      </c>
      <c r="F10" s="224"/>
      <c r="G10" s="224"/>
      <c r="H10" s="224"/>
      <c r="I10" s="224"/>
      <c r="J10" s="385"/>
      <c r="K10" s="224"/>
      <c r="L10" s="224"/>
      <c r="M10" s="224"/>
    </row>
    <row r="11" spans="1:13" ht="20.100000000000001" customHeight="1" thickTop="1" thickBot="1" x14ac:dyDescent="0.25">
      <c r="A11" s="400" t="s">
        <v>63</v>
      </c>
      <c r="B11" s="401">
        <v>124</v>
      </c>
      <c r="C11" s="224"/>
      <c r="D11" s="396" t="s">
        <v>45</v>
      </c>
      <c r="E11" s="397">
        <v>10</v>
      </c>
      <c r="F11" s="224"/>
      <c r="G11" s="224"/>
      <c r="H11" s="224"/>
      <c r="I11" s="224"/>
      <c r="J11" s="385"/>
      <c r="K11" s="224"/>
      <c r="L11" s="224"/>
      <c r="M11" s="224"/>
    </row>
    <row r="12" spans="1:13" ht="20.100000000000001" customHeight="1" thickBot="1" x14ac:dyDescent="0.25">
      <c r="A12" s="374"/>
      <c r="B12" s="374"/>
      <c r="C12" s="224"/>
      <c r="D12" s="398" t="s">
        <v>46</v>
      </c>
      <c r="E12" s="399">
        <v>9</v>
      </c>
      <c r="F12" s="224"/>
      <c r="G12" s="224"/>
      <c r="H12" s="224"/>
      <c r="I12" s="224"/>
      <c r="J12" s="224"/>
      <c r="K12" s="224"/>
      <c r="L12" s="224"/>
      <c r="M12" s="224"/>
    </row>
    <row r="13" spans="1:13" ht="20.100000000000001" customHeight="1" thickTop="1" thickBot="1" x14ac:dyDescent="0.25">
      <c r="A13" s="392"/>
      <c r="B13" s="224"/>
      <c r="C13" s="224"/>
      <c r="D13" s="400" t="s">
        <v>63</v>
      </c>
      <c r="E13" s="401">
        <v>124</v>
      </c>
      <c r="F13" s="224"/>
      <c r="G13" s="224"/>
      <c r="H13" s="224"/>
      <c r="I13" s="224"/>
      <c r="J13" s="224"/>
      <c r="K13" s="224"/>
      <c r="L13" s="224"/>
      <c r="M13" s="224"/>
    </row>
    <row r="14" spans="1:13" ht="20.100000000000001" customHeight="1" x14ac:dyDescent="0.2">
      <c r="A14" s="224"/>
      <c r="B14" s="224"/>
      <c r="C14" s="224"/>
      <c r="D14" s="224"/>
      <c r="E14" s="224"/>
      <c r="F14" s="224"/>
      <c r="G14" s="224"/>
      <c r="H14" s="224"/>
      <c r="I14" s="224"/>
      <c r="J14" s="224"/>
      <c r="K14" s="224"/>
      <c r="L14" s="224"/>
      <c r="M14" s="224"/>
    </row>
    <row r="15" spans="1:13" ht="20.100000000000001" customHeight="1" thickBot="1" x14ac:dyDescent="0.25">
      <c r="A15" s="224" t="s">
        <v>236</v>
      </c>
      <c r="B15" s="224"/>
      <c r="C15" s="224"/>
      <c r="D15" s="299" t="s">
        <v>189</v>
      </c>
      <c r="E15" s="392">
        <v>122</v>
      </c>
      <c r="F15" s="224"/>
      <c r="G15" s="224" t="s">
        <v>237</v>
      </c>
      <c r="H15" s="224"/>
      <c r="I15" s="224" t="s">
        <v>320</v>
      </c>
      <c r="J15" s="224"/>
      <c r="K15" s="224"/>
      <c r="L15" s="224"/>
      <c r="M15" s="224"/>
    </row>
    <row r="16" spans="1:13" ht="20.100000000000001" customHeight="1" thickBot="1" x14ac:dyDescent="0.25">
      <c r="A16" s="375" t="s">
        <v>65</v>
      </c>
      <c r="B16" s="379" t="s">
        <v>232</v>
      </c>
      <c r="C16" s="379" t="s">
        <v>233</v>
      </c>
      <c r="D16" s="379" t="s">
        <v>234</v>
      </c>
      <c r="E16" s="393" t="s">
        <v>235</v>
      </c>
      <c r="F16" s="224"/>
      <c r="G16" s="375" t="s">
        <v>65</v>
      </c>
      <c r="H16" s="379" t="s">
        <v>238</v>
      </c>
      <c r="I16" s="379" t="s">
        <v>239</v>
      </c>
      <c r="J16" s="379" t="s">
        <v>240</v>
      </c>
      <c r="K16" s="379" t="s">
        <v>241</v>
      </c>
      <c r="L16" s="393" t="s">
        <v>242</v>
      </c>
      <c r="M16" s="224"/>
    </row>
    <row r="17" spans="1:19" ht="20.100000000000001" customHeight="1" thickTop="1" x14ac:dyDescent="0.2">
      <c r="A17" s="394" t="s">
        <v>86</v>
      </c>
      <c r="B17" s="402">
        <v>3</v>
      </c>
      <c r="C17" s="402">
        <v>6</v>
      </c>
      <c r="D17" s="402">
        <v>0</v>
      </c>
      <c r="E17" s="403">
        <v>1</v>
      </c>
      <c r="F17" s="224"/>
      <c r="G17" s="394" t="s">
        <v>86</v>
      </c>
      <c r="H17" s="404">
        <v>6</v>
      </c>
      <c r="I17" s="404">
        <v>5</v>
      </c>
      <c r="J17" s="404">
        <v>2</v>
      </c>
      <c r="K17" s="404">
        <v>6</v>
      </c>
      <c r="L17" s="395">
        <v>0</v>
      </c>
      <c r="M17" s="224"/>
      <c r="P17" s="9"/>
    </row>
    <row r="18" spans="1:19" ht="20.100000000000001" customHeight="1" x14ac:dyDescent="0.2">
      <c r="A18" s="396" t="s">
        <v>87</v>
      </c>
      <c r="B18" s="405">
        <v>19</v>
      </c>
      <c r="C18" s="405">
        <v>13</v>
      </c>
      <c r="D18" s="405">
        <v>0</v>
      </c>
      <c r="E18" s="406">
        <v>0</v>
      </c>
      <c r="F18" s="224"/>
      <c r="G18" s="396" t="s">
        <v>87</v>
      </c>
      <c r="H18" s="407">
        <v>28</v>
      </c>
      <c r="I18" s="407">
        <v>16</v>
      </c>
      <c r="J18" s="407">
        <v>17</v>
      </c>
      <c r="K18" s="407">
        <v>18</v>
      </c>
      <c r="L18" s="397">
        <v>2</v>
      </c>
      <c r="M18" s="224"/>
    </row>
    <row r="19" spans="1:19" ht="20.100000000000001" customHeight="1" x14ac:dyDescent="0.2">
      <c r="A19" s="396" t="s">
        <v>88</v>
      </c>
      <c r="B19" s="405">
        <v>18</v>
      </c>
      <c r="C19" s="405">
        <v>7</v>
      </c>
      <c r="D19" s="405">
        <v>0</v>
      </c>
      <c r="E19" s="406">
        <v>0</v>
      </c>
      <c r="F19" s="224"/>
      <c r="G19" s="396" t="s">
        <v>88</v>
      </c>
      <c r="H19" s="407">
        <v>21</v>
      </c>
      <c r="I19" s="407">
        <v>11</v>
      </c>
      <c r="J19" s="407">
        <v>9</v>
      </c>
      <c r="K19" s="407">
        <v>12</v>
      </c>
      <c r="L19" s="397">
        <v>0</v>
      </c>
      <c r="M19" s="224"/>
    </row>
    <row r="20" spans="1:19" ht="20.100000000000001" customHeight="1" x14ac:dyDescent="0.2">
      <c r="A20" s="396" t="s">
        <v>89</v>
      </c>
      <c r="B20" s="405">
        <v>13</v>
      </c>
      <c r="C20" s="405">
        <v>8</v>
      </c>
      <c r="D20" s="405">
        <v>0</v>
      </c>
      <c r="E20" s="406">
        <v>0</v>
      </c>
      <c r="F20" s="224"/>
      <c r="G20" s="396" t="s">
        <v>89</v>
      </c>
      <c r="H20" s="407">
        <v>20</v>
      </c>
      <c r="I20" s="407">
        <v>10</v>
      </c>
      <c r="J20" s="407">
        <v>13</v>
      </c>
      <c r="K20" s="407">
        <v>11</v>
      </c>
      <c r="L20" s="397">
        <v>2</v>
      </c>
      <c r="M20" s="224"/>
      <c r="P20" s="9"/>
    </row>
    <row r="21" spans="1:19" ht="20.100000000000001" customHeight="1" x14ac:dyDescent="0.2">
      <c r="A21" s="396" t="s">
        <v>90</v>
      </c>
      <c r="B21" s="405">
        <v>13</v>
      </c>
      <c r="C21" s="405">
        <v>1</v>
      </c>
      <c r="D21" s="405">
        <v>0</v>
      </c>
      <c r="E21" s="406">
        <v>0</v>
      </c>
      <c r="F21" s="224"/>
      <c r="G21" s="396" t="s">
        <v>90</v>
      </c>
      <c r="H21" s="407">
        <v>14</v>
      </c>
      <c r="I21" s="407">
        <v>4</v>
      </c>
      <c r="J21" s="407">
        <v>3</v>
      </c>
      <c r="K21" s="407">
        <v>3</v>
      </c>
      <c r="L21" s="397">
        <v>2</v>
      </c>
      <c r="M21" s="224"/>
    </row>
    <row r="22" spans="1:19" ht="20.100000000000001" customHeight="1" thickBot="1" x14ac:dyDescent="0.25">
      <c r="A22" s="398" t="s">
        <v>10</v>
      </c>
      <c r="B22" s="408">
        <v>19</v>
      </c>
      <c r="C22" s="408">
        <v>1</v>
      </c>
      <c r="D22" s="408">
        <v>0</v>
      </c>
      <c r="E22" s="409">
        <v>0</v>
      </c>
      <c r="F22" s="224"/>
      <c r="G22" s="398" t="s">
        <v>10</v>
      </c>
      <c r="H22" s="410">
        <v>19</v>
      </c>
      <c r="I22" s="410">
        <v>8</v>
      </c>
      <c r="J22" s="410">
        <v>8</v>
      </c>
      <c r="K22" s="410">
        <v>4</v>
      </c>
      <c r="L22" s="399">
        <v>1</v>
      </c>
      <c r="M22" s="385"/>
      <c r="P22" s="9"/>
    </row>
    <row r="23" spans="1:19" ht="20.100000000000001" customHeight="1" thickTop="1" x14ac:dyDescent="0.2">
      <c r="A23" s="411" t="s">
        <v>63</v>
      </c>
      <c r="B23" s="412">
        <v>85</v>
      </c>
      <c r="C23" s="412">
        <v>36</v>
      </c>
      <c r="D23" s="412">
        <v>0</v>
      </c>
      <c r="E23" s="403">
        <v>1</v>
      </c>
      <c r="F23" s="224"/>
      <c r="G23" s="411" t="s">
        <v>63</v>
      </c>
      <c r="H23" s="413">
        <v>108</v>
      </c>
      <c r="I23" s="413">
        <v>54</v>
      </c>
      <c r="J23" s="413">
        <v>52</v>
      </c>
      <c r="K23" s="414">
        <v>54</v>
      </c>
      <c r="L23" s="415">
        <v>7</v>
      </c>
      <c r="M23" s="385"/>
    </row>
    <row r="24" spans="1:19" ht="20.100000000000001" customHeight="1" thickBot="1" x14ac:dyDescent="0.25">
      <c r="A24" s="400" t="s">
        <v>170</v>
      </c>
      <c r="B24" s="25">
        <v>0.69672131147540983</v>
      </c>
      <c r="C24" s="25">
        <v>0.29508196721311475</v>
      </c>
      <c r="D24" s="25">
        <v>0</v>
      </c>
      <c r="E24" s="26">
        <v>8.1967213114754103E-3</v>
      </c>
      <c r="F24" s="224"/>
      <c r="G24" s="400" t="s">
        <v>170</v>
      </c>
      <c r="H24" s="25">
        <v>0.3927272727272727</v>
      </c>
      <c r="I24" s="25">
        <v>0.19636363636363635</v>
      </c>
      <c r="J24" s="25">
        <v>0.18909090909090909</v>
      </c>
      <c r="K24" s="416">
        <v>0.19636363636363635</v>
      </c>
      <c r="L24" s="417">
        <v>2.5454545454545455E-2</v>
      </c>
      <c r="M24" s="224"/>
      <c r="P24" s="9"/>
    </row>
    <row r="25" spans="1:19" ht="20.100000000000001" customHeight="1" x14ac:dyDescent="0.2">
      <c r="A25" s="224"/>
      <c r="B25" s="224"/>
      <c r="C25" s="224"/>
      <c r="D25" s="224"/>
      <c r="E25" s="224"/>
      <c r="F25" s="224"/>
      <c r="G25" s="27"/>
      <c r="H25" s="27"/>
      <c r="I25" s="27"/>
      <c r="J25" s="27"/>
      <c r="K25" s="27"/>
      <c r="L25" s="224"/>
      <c r="M25" s="224"/>
    </row>
    <row r="26" spans="1:19" ht="20.100000000000001" customHeight="1" thickBot="1" x14ac:dyDescent="0.25">
      <c r="A26" s="224" t="s">
        <v>243</v>
      </c>
      <c r="B26" s="224"/>
      <c r="C26" s="224"/>
      <c r="D26" s="224"/>
      <c r="E26" s="224"/>
      <c r="F26" s="224"/>
      <c r="G26" s="28" t="s">
        <v>179</v>
      </c>
      <c r="H26" s="27"/>
      <c r="I26" s="27"/>
      <c r="J26" s="27"/>
      <c r="K26" s="27"/>
      <c r="L26" s="224"/>
      <c r="M26" s="224"/>
      <c r="P26" s="9"/>
    </row>
    <row r="27" spans="1:19" ht="20.100000000000001" customHeight="1" x14ac:dyDescent="0.2">
      <c r="A27" s="418" t="s">
        <v>323</v>
      </c>
      <c r="B27" s="419"/>
      <c r="C27" s="419"/>
      <c r="D27" s="419"/>
      <c r="E27" s="420"/>
      <c r="F27" s="224"/>
      <c r="G27" s="74" t="s">
        <v>322</v>
      </c>
      <c r="H27" s="29"/>
      <c r="I27" s="29"/>
      <c r="J27" s="29"/>
      <c r="K27" s="29"/>
      <c r="L27" s="30"/>
      <c r="M27" s="224"/>
    </row>
    <row r="28" spans="1:19" ht="20.100000000000001" customHeight="1" x14ac:dyDescent="0.2">
      <c r="A28" s="380" t="s">
        <v>314</v>
      </c>
      <c r="B28" s="224"/>
      <c r="C28" s="224"/>
      <c r="D28" s="224"/>
      <c r="E28" s="421"/>
      <c r="F28" s="224"/>
      <c r="G28" s="75" t="s">
        <v>321</v>
      </c>
      <c r="H28" s="27"/>
      <c r="I28" s="27"/>
      <c r="J28" s="27"/>
      <c r="K28" s="27"/>
      <c r="L28" s="31"/>
      <c r="M28" s="224"/>
    </row>
    <row r="29" spans="1:19" ht="20.100000000000001" customHeight="1" x14ac:dyDescent="0.2">
      <c r="A29" s="380" t="s">
        <v>316</v>
      </c>
      <c r="B29" s="224"/>
      <c r="C29" s="224"/>
      <c r="D29" s="224"/>
      <c r="E29" s="421"/>
      <c r="F29" s="224"/>
      <c r="G29" s="75"/>
      <c r="H29" s="27"/>
      <c r="I29" s="27"/>
      <c r="J29" s="27"/>
      <c r="K29" s="27"/>
      <c r="L29" s="31"/>
      <c r="M29" s="224"/>
      <c r="S29" s="11"/>
    </row>
    <row r="30" spans="1:19" ht="20.100000000000001" customHeight="1" x14ac:dyDescent="0.2">
      <c r="A30" s="380" t="s">
        <v>315</v>
      </c>
      <c r="B30" s="224"/>
      <c r="C30" s="224"/>
      <c r="D30" s="224"/>
      <c r="E30" s="421"/>
      <c r="F30" s="224"/>
      <c r="G30" s="75"/>
      <c r="H30" s="27"/>
      <c r="I30" s="27"/>
      <c r="J30" s="27"/>
      <c r="K30" s="27"/>
      <c r="L30" s="31"/>
      <c r="M30" s="224"/>
      <c r="S30" s="11"/>
    </row>
    <row r="31" spans="1:19" ht="20.100000000000001" customHeight="1" thickBot="1" x14ac:dyDescent="0.25">
      <c r="A31" s="422" t="s">
        <v>324</v>
      </c>
      <c r="B31" s="423"/>
      <c r="C31" s="423"/>
      <c r="D31" s="423"/>
      <c r="E31" s="424"/>
      <c r="F31" s="224"/>
      <c r="G31" s="617"/>
      <c r="H31" s="618"/>
      <c r="I31" s="618"/>
      <c r="J31" s="618"/>
      <c r="K31" s="618"/>
      <c r="L31" s="619"/>
      <c r="M31" s="224"/>
      <c r="S31" s="11"/>
    </row>
    <row r="32" spans="1:19" ht="20.100000000000001" customHeight="1" x14ac:dyDescent="0.2">
      <c r="A32" s="224"/>
      <c r="B32" s="224"/>
      <c r="C32" s="224"/>
      <c r="D32" s="224"/>
      <c r="E32" s="224"/>
      <c r="F32" s="224"/>
      <c r="G32" s="28"/>
      <c r="H32" s="27"/>
      <c r="I32" s="27"/>
      <c r="J32" s="27"/>
      <c r="K32" s="27"/>
      <c r="L32" s="27"/>
      <c r="M32" s="224"/>
      <c r="S32" s="11"/>
    </row>
    <row r="33" spans="1:19" ht="20.100000000000001" customHeight="1" thickBot="1" x14ac:dyDescent="0.25">
      <c r="A33" s="224" t="s">
        <v>244</v>
      </c>
      <c r="B33" s="224"/>
      <c r="C33" s="224"/>
      <c r="D33" s="224"/>
      <c r="E33" s="224"/>
      <c r="F33" s="224"/>
      <c r="G33" s="28"/>
      <c r="H33" s="27"/>
      <c r="I33" s="27"/>
      <c r="J33" s="27"/>
      <c r="K33" s="27"/>
      <c r="L33" s="27"/>
      <c r="M33" s="224"/>
      <c r="P33" s="9"/>
      <c r="S33" s="11"/>
    </row>
    <row r="34" spans="1:19" ht="20.100000000000001" customHeight="1" x14ac:dyDescent="0.2">
      <c r="A34" s="418"/>
      <c r="B34" s="419"/>
      <c r="C34" s="419"/>
      <c r="D34" s="419"/>
      <c r="E34" s="420"/>
      <c r="F34" s="224"/>
      <c r="G34" s="616"/>
      <c r="H34" s="616"/>
      <c r="I34" s="616"/>
      <c r="J34" s="616"/>
      <c r="K34" s="616"/>
      <c r="L34" s="616"/>
      <c r="M34" s="224"/>
      <c r="S34" s="11"/>
    </row>
    <row r="35" spans="1:19" ht="20.100000000000001" customHeight="1" x14ac:dyDescent="0.2">
      <c r="A35" s="380"/>
      <c r="B35" s="616"/>
      <c r="C35" s="616"/>
      <c r="D35" s="616"/>
      <c r="E35" s="421"/>
      <c r="F35" s="224"/>
      <c r="G35" s="616"/>
      <c r="H35" s="616"/>
      <c r="I35" s="616"/>
      <c r="J35" s="616"/>
      <c r="K35" s="616"/>
      <c r="L35" s="616"/>
      <c r="M35" s="224"/>
      <c r="P35" s="9"/>
      <c r="S35" s="11"/>
    </row>
    <row r="36" spans="1:19" ht="20.100000000000001" customHeight="1" x14ac:dyDescent="0.2">
      <c r="A36" s="380"/>
      <c r="B36" s="616"/>
      <c r="C36" s="616"/>
      <c r="D36" s="616"/>
      <c r="E36" s="421"/>
      <c r="F36" s="224"/>
      <c r="G36" s="224"/>
      <c r="H36" s="224"/>
      <c r="I36" s="224"/>
      <c r="J36" s="224"/>
      <c r="K36" s="224"/>
      <c r="L36" s="224"/>
      <c r="M36" s="224"/>
    </row>
    <row r="37" spans="1:19" ht="20.100000000000001" customHeight="1" x14ac:dyDescent="0.2">
      <c r="A37" s="380"/>
      <c r="B37" s="616"/>
      <c r="C37" s="616"/>
      <c r="D37" s="616"/>
      <c r="E37" s="421"/>
      <c r="F37" s="224"/>
      <c r="G37" s="224"/>
      <c r="H37" s="224"/>
      <c r="I37" s="224"/>
      <c r="J37" s="224"/>
      <c r="K37" s="224"/>
      <c r="L37" s="224"/>
      <c r="M37" s="224"/>
      <c r="P37" s="9"/>
    </row>
    <row r="38" spans="1:19" ht="20.100000000000001" customHeight="1" thickBot="1" x14ac:dyDescent="0.25">
      <c r="A38" s="422"/>
      <c r="B38" s="423"/>
      <c r="C38" s="423"/>
      <c r="D38" s="423"/>
      <c r="E38" s="424"/>
      <c r="F38" s="224"/>
      <c r="G38" s="224"/>
      <c r="H38" s="224"/>
      <c r="I38" s="224"/>
      <c r="J38" s="224"/>
      <c r="K38" s="224"/>
      <c r="L38" s="224"/>
      <c r="M38" s="224"/>
    </row>
    <row r="39" spans="1:19" ht="20.100000000000001" customHeight="1" x14ac:dyDescent="0.2">
      <c r="A39" s="224"/>
      <c r="B39" s="224"/>
      <c r="C39" s="224"/>
      <c r="D39" s="224"/>
      <c r="E39" s="224"/>
      <c r="F39" s="224"/>
      <c r="G39" s="224"/>
      <c r="H39" s="224"/>
      <c r="I39" s="224"/>
      <c r="J39" s="224"/>
      <c r="K39" s="224"/>
      <c r="L39" s="224"/>
      <c r="M39" s="224"/>
      <c r="P39" s="9"/>
    </row>
    <row r="40" spans="1:19" ht="20.100000000000001" customHeight="1" x14ac:dyDescent="0.2">
      <c r="A40" s="224"/>
      <c r="B40" s="224"/>
      <c r="C40" s="224"/>
      <c r="D40" s="224"/>
      <c r="E40" s="224"/>
      <c r="F40" s="224"/>
      <c r="G40" s="224"/>
      <c r="H40" s="224"/>
      <c r="I40" s="224"/>
      <c r="J40" s="224"/>
      <c r="K40" s="224"/>
      <c r="L40" s="224"/>
      <c r="M40" s="224"/>
    </row>
    <row r="41" spans="1:19" ht="20.100000000000001" customHeight="1" thickBot="1" x14ac:dyDescent="0.25">
      <c r="A41" s="224" t="s">
        <v>152</v>
      </c>
      <c r="B41" s="224"/>
      <c r="C41" s="224"/>
      <c r="D41" s="299" t="s">
        <v>189</v>
      </c>
      <c r="E41" s="392">
        <v>121</v>
      </c>
      <c r="F41" s="224"/>
      <c r="G41" s="224" t="s">
        <v>153</v>
      </c>
      <c r="H41" s="224"/>
      <c r="I41" s="224"/>
      <c r="J41" s="299" t="s">
        <v>189</v>
      </c>
      <c r="K41" s="392">
        <v>120</v>
      </c>
      <c r="L41" s="224"/>
      <c r="M41" s="224"/>
      <c r="P41" s="9"/>
    </row>
    <row r="42" spans="1:19" ht="20.100000000000001" customHeight="1" thickBot="1" x14ac:dyDescent="0.25">
      <c r="A42" s="375" t="s">
        <v>65</v>
      </c>
      <c r="B42" s="425" t="s">
        <v>156</v>
      </c>
      <c r="C42" s="379" t="s">
        <v>190</v>
      </c>
      <c r="D42" s="348" t="s">
        <v>157</v>
      </c>
      <c r="E42" s="393" t="s">
        <v>158</v>
      </c>
      <c r="F42" s="224"/>
      <c r="G42" s="375" t="s">
        <v>65</v>
      </c>
      <c r="H42" s="425" t="s">
        <v>156</v>
      </c>
      <c r="I42" s="379" t="s">
        <v>190</v>
      </c>
      <c r="J42" s="348" t="s">
        <v>157</v>
      </c>
      <c r="K42" s="393" t="s">
        <v>158</v>
      </c>
      <c r="L42" s="224"/>
      <c r="M42" s="224"/>
      <c r="P42" s="9"/>
    </row>
    <row r="43" spans="1:19" ht="19.5" customHeight="1" thickTop="1" x14ac:dyDescent="0.2">
      <c r="A43" s="776" t="s">
        <v>86</v>
      </c>
      <c r="B43" s="404">
        <v>5</v>
      </c>
      <c r="C43" s="404">
        <v>4</v>
      </c>
      <c r="D43" s="404">
        <v>0</v>
      </c>
      <c r="E43" s="395">
        <v>0</v>
      </c>
      <c r="F43" s="224"/>
      <c r="G43" s="776" t="s">
        <v>86</v>
      </c>
      <c r="H43" s="404">
        <v>2</v>
      </c>
      <c r="I43" s="404">
        <v>7</v>
      </c>
      <c r="J43" s="404">
        <v>0</v>
      </c>
      <c r="K43" s="395">
        <v>0</v>
      </c>
      <c r="L43" s="224"/>
      <c r="M43" s="224"/>
    </row>
    <row r="44" spans="1:19" ht="19.5" customHeight="1" x14ac:dyDescent="0.2">
      <c r="A44" s="764"/>
      <c r="B44" s="768">
        <v>1</v>
      </c>
      <c r="C44" s="769"/>
      <c r="D44" s="768">
        <v>0</v>
      </c>
      <c r="E44" s="772"/>
      <c r="F44" s="224"/>
      <c r="G44" s="764"/>
      <c r="H44" s="768">
        <v>1</v>
      </c>
      <c r="I44" s="769"/>
      <c r="J44" s="768">
        <v>0</v>
      </c>
      <c r="K44" s="772"/>
      <c r="L44" s="224"/>
      <c r="M44" s="224"/>
      <c r="P44" s="9"/>
    </row>
    <row r="45" spans="1:19" ht="19.5" customHeight="1" x14ac:dyDescent="0.2">
      <c r="A45" s="774" t="s">
        <v>87</v>
      </c>
      <c r="B45" s="407">
        <v>17</v>
      </c>
      <c r="C45" s="407">
        <v>14</v>
      </c>
      <c r="D45" s="407">
        <v>1</v>
      </c>
      <c r="E45" s="397">
        <v>0</v>
      </c>
      <c r="F45" s="224"/>
      <c r="G45" s="774" t="s">
        <v>87</v>
      </c>
      <c r="H45" s="407">
        <v>11</v>
      </c>
      <c r="I45" s="407">
        <v>19</v>
      </c>
      <c r="J45" s="407">
        <v>1</v>
      </c>
      <c r="K45" s="397">
        <v>0</v>
      </c>
      <c r="L45" s="224"/>
      <c r="M45" s="224"/>
      <c r="P45" s="9"/>
    </row>
    <row r="46" spans="1:19" ht="19.5" customHeight="1" x14ac:dyDescent="0.2">
      <c r="A46" s="764"/>
      <c r="B46" s="768">
        <v>0.96875</v>
      </c>
      <c r="C46" s="769"/>
      <c r="D46" s="768">
        <v>3.125E-2</v>
      </c>
      <c r="E46" s="772"/>
      <c r="F46" s="224"/>
      <c r="G46" s="764"/>
      <c r="H46" s="768">
        <v>0.967741935483871</v>
      </c>
      <c r="I46" s="769"/>
      <c r="J46" s="768">
        <v>3.2258064516129031E-2</v>
      </c>
      <c r="K46" s="772"/>
      <c r="L46" s="224"/>
      <c r="M46" s="224"/>
    </row>
    <row r="47" spans="1:19" ht="19.5" customHeight="1" x14ac:dyDescent="0.2">
      <c r="A47" s="774" t="s">
        <v>88</v>
      </c>
      <c r="B47" s="407">
        <v>10</v>
      </c>
      <c r="C47" s="407">
        <v>15</v>
      </c>
      <c r="D47" s="407">
        <v>1</v>
      </c>
      <c r="E47" s="397">
        <v>0</v>
      </c>
      <c r="F47" s="224"/>
      <c r="G47" s="774" t="s">
        <v>88</v>
      </c>
      <c r="H47" s="407">
        <v>7</v>
      </c>
      <c r="I47" s="407">
        <v>16</v>
      </c>
      <c r="J47" s="407">
        <v>3</v>
      </c>
      <c r="K47" s="397">
        <v>0</v>
      </c>
      <c r="L47" s="224"/>
      <c r="M47" s="224"/>
    </row>
    <row r="48" spans="1:19" ht="19.5" customHeight="1" x14ac:dyDescent="0.2">
      <c r="A48" s="764"/>
      <c r="B48" s="768">
        <v>0.96153846153846156</v>
      </c>
      <c r="C48" s="769"/>
      <c r="D48" s="768">
        <v>3.8461538461538464E-2</v>
      </c>
      <c r="E48" s="772"/>
      <c r="F48" s="224"/>
      <c r="G48" s="764"/>
      <c r="H48" s="768">
        <v>0.88461538461538458</v>
      </c>
      <c r="I48" s="769"/>
      <c r="J48" s="768">
        <v>0.11538461538461539</v>
      </c>
      <c r="K48" s="772"/>
      <c r="L48" s="224"/>
      <c r="M48" s="224"/>
    </row>
    <row r="49" spans="1:24" ht="19.5" customHeight="1" x14ac:dyDescent="0.2">
      <c r="A49" s="774" t="s">
        <v>89</v>
      </c>
      <c r="B49" s="407">
        <v>10</v>
      </c>
      <c r="C49" s="407">
        <v>10</v>
      </c>
      <c r="D49" s="407">
        <v>0</v>
      </c>
      <c r="E49" s="397">
        <v>0</v>
      </c>
      <c r="F49" s="224"/>
      <c r="G49" s="774" t="s">
        <v>89</v>
      </c>
      <c r="H49" s="407">
        <v>6</v>
      </c>
      <c r="I49" s="407">
        <v>13</v>
      </c>
      <c r="J49" s="407">
        <v>1</v>
      </c>
      <c r="K49" s="397">
        <v>0</v>
      </c>
      <c r="L49" s="224"/>
      <c r="M49" s="224"/>
    </row>
    <row r="50" spans="1:24" ht="19.5" customHeight="1" x14ac:dyDescent="0.2">
      <c r="A50" s="764"/>
      <c r="B50" s="768">
        <v>1</v>
      </c>
      <c r="C50" s="769"/>
      <c r="D50" s="768">
        <v>0</v>
      </c>
      <c r="E50" s="772"/>
      <c r="F50" s="224"/>
      <c r="G50" s="764"/>
      <c r="H50" s="768">
        <v>0.95</v>
      </c>
      <c r="I50" s="769"/>
      <c r="J50" s="768">
        <v>0.05</v>
      </c>
      <c r="K50" s="772"/>
      <c r="L50" s="224"/>
      <c r="M50" s="224"/>
    </row>
    <row r="51" spans="1:24" ht="19.5" customHeight="1" x14ac:dyDescent="0.2">
      <c r="A51" s="774" t="s">
        <v>90</v>
      </c>
      <c r="B51" s="407">
        <v>11</v>
      </c>
      <c r="C51" s="407">
        <v>3</v>
      </c>
      <c r="D51" s="407">
        <v>0</v>
      </c>
      <c r="E51" s="397">
        <v>0</v>
      </c>
      <c r="F51" s="224"/>
      <c r="G51" s="774" t="s">
        <v>90</v>
      </c>
      <c r="H51" s="407">
        <v>8</v>
      </c>
      <c r="I51" s="407">
        <v>6</v>
      </c>
      <c r="J51" s="407">
        <v>0</v>
      </c>
      <c r="K51" s="397">
        <v>0</v>
      </c>
      <c r="L51" s="224"/>
      <c r="M51" s="224"/>
    </row>
    <row r="52" spans="1:24" ht="19.5" customHeight="1" x14ac:dyDescent="0.2">
      <c r="A52" s="764"/>
      <c r="B52" s="768">
        <v>1</v>
      </c>
      <c r="C52" s="769"/>
      <c r="D52" s="768">
        <v>0</v>
      </c>
      <c r="E52" s="772"/>
      <c r="F52" s="224"/>
      <c r="G52" s="764"/>
      <c r="H52" s="768">
        <v>1</v>
      </c>
      <c r="I52" s="769"/>
      <c r="J52" s="768">
        <v>0</v>
      </c>
      <c r="K52" s="772"/>
      <c r="L52" s="224"/>
      <c r="M52" s="224"/>
    </row>
    <row r="53" spans="1:24" ht="19.5" customHeight="1" x14ac:dyDescent="0.2">
      <c r="A53" s="774" t="s">
        <v>10</v>
      </c>
      <c r="B53" s="426">
        <v>16</v>
      </c>
      <c r="C53" s="426">
        <v>4</v>
      </c>
      <c r="D53" s="426">
        <v>0</v>
      </c>
      <c r="E53" s="427">
        <v>0</v>
      </c>
      <c r="F53" s="224"/>
      <c r="G53" s="774" t="s">
        <v>10</v>
      </c>
      <c r="H53" s="426">
        <v>13</v>
      </c>
      <c r="I53" s="426">
        <v>6</v>
      </c>
      <c r="J53" s="426">
        <v>1</v>
      </c>
      <c r="K53" s="427">
        <v>0</v>
      </c>
      <c r="L53" s="224"/>
      <c r="M53" s="224"/>
    </row>
    <row r="54" spans="1:24" ht="19.5" customHeight="1" thickBot="1" x14ac:dyDescent="0.25">
      <c r="A54" s="775"/>
      <c r="B54" s="768">
        <v>1</v>
      </c>
      <c r="C54" s="769"/>
      <c r="D54" s="768">
        <v>0</v>
      </c>
      <c r="E54" s="772"/>
      <c r="F54" s="224"/>
      <c r="G54" s="775"/>
      <c r="H54" s="768">
        <v>0.95</v>
      </c>
      <c r="I54" s="769"/>
      <c r="J54" s="768">
        <v>0.05</v>
      </c>
      <c r="K54" s="772"/>
      <c r="L54" s="224"/>
      <c r="M54" s="224"/>
    </row>
    <row r="55" spans="1:24" ht="19.5" customHeight="1" thickTop="1" x14ac:dyDescent="0.2">
      <c r="A55" s="411" t="s">
        <v>63</v>
      </c>
      <c r="B55" s="413">
        <v>69</v>
      </c>
      <c r="C55" s="413">
        <v>50</v>
      </c>
      <c r="D55" s="413">
        <v>2</v>
      </c>
      <c r="E55" s="415">
        <v>0</v>
      </c>
      <c r="F55" s="224"/>
      <c r="G55" s="411" t="s">
        <v>63</v>
      </c>
      <c r="H55" s="413">
        <v>47</v>
      </c>
      <c r="I55" s="413">
        <v>67</v>
      </c>
      <c r="J55" s="413">
        <v>6</v>
      </c>
      <c r="K55" s="415">
        <v>0</v>
      </c>
      <c r="L55" s="224"/>
      <c r="M55" s="224"/>
    </row>
    <row r="56" spans="1:24" ht="19.5" customHeight="1" thickBot="1" x14ac:dyDescent="0.25">
      <c r="A56" s="428" t="s">
        <v>162</v>
      </c>
      <c r="B56" s="770">
        <v>0.98347107438016534</v>
      </c>
      <c r="C56" s="771"/>
      <c r="D56" s="770">
        <v>1.6528925619834711E-2</v>
      </c>
      <c r="E56" s="773"/>
      <c r="F56" s="224"/>
      <c r="G56" s="428" t="s">
        <v>162</v>
      </c>
      <c r="H56" s="770">
        <v>0.95</v>
      </c>
      <c r="I56" s="771"/>
      <c r="J56" s="770">
        <v>0.05</v>
      </c>
      <c r="K56" s="773"/>
      <c r="L56" s="224"/>
      <c r="M56" s="224"/>
    </row>
    <row r="57" spans="1:24" ht="19.5" customHeight="1" x14ac:dyDescent="0.2">
      <c r="A57" s="374"/>
      <c r="B57" s="10"/>
      <c r="C57" s="10"/>
      <c r="D57" s="10"/>
      <c r="E57" s="10"/>
      <c r="F57" s="224"/>
      <c r="G57" s="374"/>
      <c r="H57" s="10"/>
      <c r="I57" s="10"/>
      <c r="J57" s="10"/>
      <c r="K57" s="10"/>
      <c r="L57" s="224"/>
      <c r="M57" s="224"/>
      <c r="N57" s="24"/>
      <c r="O57" s="10"/>
      <c r="P57" s="10"/>
      <c r="Q57" s="10"/>
      <c r="R57" s="10"/>
      <c r="T57" s="24"/>
      <c r="U57" s="10"/>
      <c r="V57" s="10"/>
      <c r="W57" s="10"/>
      <c r="X57" s="10"/>
    </row>
    <row r="58" spans="1:24" ht="19.5" customHeight="1" thickBot="1" x14ac:dyDescent="0.25">
      <c r="A58" s="224" t="s">
        <v>154</v>
      </c>
      <c r="B58" s="224"/>
      <c r="C58" s="224"/>
      <c r="D58" s="299" t="s">
        <v>189</v>
      </c>
      <c r="E58" s="392">
        <v>121</v>
      </c>
      <c r="F58" s="224"/>
      <c r="G58" s="11" t="s">
        <v>325</v>
      </c>
      <c r="H58" s="11"/>
      <c r="I58" s="11"/>
      <c r="J58" s="11"/>
      <c r="K58" s="224"/>
      <c r="L58" s="224"/>
      <c r="M58" s="224"/>
      <c r="N58" s="24"/>
      <c r="O58" s="10"/>
      <c r="P58" s="10"/>
      <c r="Q58" s="10"/>
      <c r="R58" s="10"/>
      <c r="T58" s="24"/>
      <c r="U58" s="10"/>
      <c r="V58" s="10"/>
      <c r="W58" s="10"/>
      <c r="X58" s="10"/>
    </row>
    <row r="59" spans="1:24" ht="19.5" customHeight="1" thickBot="1" x14ac:dyDescent="0.25">
      <c r="A59" s="375" t="s">
        <v>65</v>
      </c>
      <c r="B59" s="425" t="s">
        <v>156</v>
      </c>
      <c r="C59" s="379" t="s">
        <v>190</v>
      </c>
      <c r="D59" s="348" t="s">
        <v>157</v>
      </c>
      <c r="E59" s="393" t="s">
        <v>158</v>
      </c>
      <c r="F59" s="224"/>
      <c r="G59" s="418" t="s">
        <v>159</v>
      </c>
      <c r="H59" s="419"/>
      <c r="I59" s="12"/>
      <c r="J59" s="419"/>
      <c r="K59" s="420"/>
      <c r="L59" s="224"/>
      <c r="M59" s="224"/>
      <c r="N59" s="24"/>
      <c r="O59" s="10"/>
      <c r="P59" s="10"/>
      <c r="Q59" s="10"/>
      <c r="R59" s="10"/>
      <c r="T59" s="24"/>
      <c r="U59" s="10"/>
      <c r="V59" s="10"/>
      <c r="W59" s="10"/>
      <c r="X59" s="10"/>
    </row>
    <row r="60" spans="1:24" ht="19.5" customHeight="1" thickTop="1" x14ac:dyDescent="0.2">
      <c r="A60" s="776" t="s">
        <v>86</v>
      </c>
      <c r="B60" s="404">
        <v>1</v>
      </c>
      <c r="C60" s="404">
        <v>6</v>
      </c>
      <c r="D60" s="404">
        <v>0</v>
      </c>
      <c r="E60" s="395">
        <v>2</v>
      </c>
      <c r="F60" s="224"/>
      <c r="G60" s="380" t="s">
        <v>326</v>
      </c>
      <c r="H60" s="616"/>
      <c r="I60" s="11"/>
      <c r="J60" s="11"/>
      <c r="K60" s="32"/>
      <c r="L60" s="224"/>
      <c r="M60" s="224"/>
      <c r="N60" s="24"/>
      <c r="O60" s="10"/>
      <c r="P60" s="10"/>
      <c r="Q60" s="10"/>
      <c r="R60" s="10"/>
      <c r="T60" s="24"/>
      <c r="U60" s="10"/>
      <c r="V60" s="10"/>
      <c r="W60" s="10"/>
      <c r="X60" s="10"/>
    </row>
    <row r="61" spans="1:24" ht="19.5" customHeight="1" x14ac:dyDescent="0.2">
      <c r="A61" s="764"/>
      <c r="B61" s="768">
        <v>0.77777777777777779</v>
      </c>
      <c r="C61" s="769"/>
      <c r="D61" s="768">
        <v>0.22222222222222221</v>
      </c>
      <c r="E61" s="772"/>
      <c r="F61" s="224"/>
      <c r="G61" s="650"/>
      <c r="H61" s="616"/>
      <c r="I61" s="11"/>
      <c r="J61" s="616"/>
      <c r="K61" s="421"/>
      <c r="L61" s="224"/>
      <c r="M61" s="224"/>
      <c r="N61" s="24"/>
      <c r="O61" s="10"/>
      <c r="P61" s="10"/>
      <c r="Q61" s="10"/>
      <c r="R61" s="10"/>
      <c r="T61" s="24"/>
      <c r="U61" s="10"/>
      <c r="V61" s="10"/>
      <c r="W61" s="10"/>
      <c r="X61" s="10"/>
    </row>
    <row r="62" spans="1:24" ht="19.5" customHeight="1" x14ac:dyDescent="0.2">
      <c r="A62" s="774" t="s">
        <v>87</v>
      </c>
      <c r="B62" s="407">
        <v>9</v>
      </c>
      <c r="C62" s="407">
        <v>18</v>
      </c>
      <c r="D62" s="407">
        <v>5</v>
      </c>
      <c r="E62" s="397">
        <v>0</v>
      </c>
      <c r="F62" s="224"/>
      <c r="G62" s="380" t="s">
        <v>160</v>
      </c>
      <c r="H62" s="616"/>
      <c r="I62" s="11"/>
      <c r="J62" s="11"/>
      <c r="K62" s="32"/>
      <c r="L62" s="224"/>
      <c r="M62" s="224"/>
      <c r="N62" s="24"/>
      <c r="O62" s="10"/>
      <c r="P62" s="10"/>
      <c r="Q62" s="10"/>
      <c r="R62" s="10"/>
      <c r="T62" s="24"/>
      <c r="U62" s="10"/>
      <c r="V62" s="10"/>
      <c r="W62" s="10"/>
      <c r="X62" s="10"/>
    </row>
    <row r="63" spans="1:24" ht="19.5" customHeight="1" x14ac:dyDescent="0.2">
      <c r="A63" s="764"/>
      <c r="B63" s="768">
        <v>0.84375</v>
      </c>
      <c r="C63" s="769"/>
      <c r="D63" s="768">
        <v>0.15625</v>
      </c>
      <c r="E63" s="772"/>
      <c r="F63" s="224"/>
      <c r="G63" s="380" t="s">
        <v>333</v>
      </c>
      <c r="H63" s="616"/>
      <c r="I63" s="11"/>
      <c r="J63" s="11"/>
      <c r="K63" s="32"/>
      <c r="L63" s="224"/>
      <c r="M63" s="224"/>
      <c r="N63" s="24"/>
      <c r="O63" s="10"/>
      <c r="P63" s="10"/>
      <c r="Q63" s="10"/>
      <c r="R63" s="10"/>
      <c r="T63" s="24"/>
      <c r="U63" s="10"/>
      <c r="V63" s="10"/>
      <c r="W63" s="10"/>
      <c r="X63" s="10"/>
    </row>
    <row r="64" spans="1:24" ht="19.5" customHeight="1" x14ac:dyDescent="0.2">
      <c r="A64" s="774" t="s">
        <v>88</v>
      </c>
      <c r="B64" s="407">
        <v>7</v>
      </c>
      <c r="C64" s="407">
        <v>16</v>
      </c>
      <c r="D64" s="407">
        <v>3</v>
      </c>
      <c r="E64" s="397">
        <v>0</v>
      </c>
      <c r="F64" s="224"/>
      <c r="G64" s="380" t="s">
        <v>337</v>
      </c>
      <c r="H64" s="616"/>
      <c r="I64" s="11"/>
      <c r="J64" s="11"/>
      <c r="K64" s="32"/>
      <c r="L64" s="224"/>
      <c r="M64" s="224"/>
      <c r="N64" s="24"/>
      <c r="O64" s="10"/>
      <c r="P64" s="10"/>
      <c r="Q64" s="10"/>
      <c r="R64" s="10"/>
      <c r="T64" s="24"/>
      <c r="U64" s="10"/>
      <c r="V64" s="10"/>
      <c r="W64" s="10"/>
      <c r="X64" s="10"/>
    </row>
    <row r="65" spans="1:13" ht="19.5" customHeight="1" x14ac:dyDescent="0.2">
      <c r="A65" s="764"/>
      <c r="B65" s="768">
        <v>0.88461538461538458</v>
      </c>
      <c r="C65" s="769"/>
      <c r="D65" s="768">
        <v>0.11538461538461539</v>
      </c>
      <c r="E65" s="772"/>
      <c r="F65" s="224"/>
      <c r="G65" s="380" t="s">
        <v>327</v>
      </c>
      <c r="H65" s="616"/>
      <c r="I65" s="11"/>
      <c r="J65" s="11"/>
      <c r="K65" s="32"/>
      <c r="L65" s="224"/>
      <c r="M65" s="224"/>
    </row>
    <row r="66" spans="1:13" ht="19.5" customHeight="1" x14ac:dyDescent="0.2">
      <c r="A66" s="774" t="s">
        <v>89</v>
      </c>
      <c r="B66" s="407">
        <v>4</v>
      </c>
      <c r="C66" s="407">
        <v>14</v>
      </c>
      <c r="D66" s="407">
        <v>1</v>
      </c>
      <c r="E66" s="397">
        <v>1</v>
      </c>
      <c r="F66" s="224"/>
      <c r="G66" s="650"/>
      <c r="H66" s="616"/>
      <c r="I66" s="11"/>
      <c r="J66" s="11"/>
      <c r="K66" s="32"/>
      <c r="L66" s="224"/>
      <c r="M66" s="224"/>
    </row>
    <row r="67" spans="1:13" ht="19.5" customHeight="1" x14ac:dyDescent="0.2">
      <c r="A67" s="764"/>
      <c r="B67" s="768">
        <v>0.9</v>
      </c>
      <c r="C67" s="769"/>
      <c r="D67" s="768">
        <v>0.1</v>
      </c>
      <c r="E67" s="772"/>
      <c r="F67" s="224"/>
      <c r="G67" s="380" t="s">
        <v>161</v>
      </c>
      <c r="H67" s="616"/>
      <c r="I67" s="11"/>
      <c r="J67" s="11"/>
      <c r="K67" s="32"/>
      <c r="L67" s="224"/>
      <c r="M67" s="224"/>
    </row>
    <row r="68" spans="1:13" ht="19.5" customHeight="1" x14ac:dyDescent="0.2">
      <c r="A68" s="774" t="s">
        <v>90</v>
      </c>
      <c r="B68" s="407">
        <v>7</v>
      </c>
      <c r="C68" s="407">
        <v>6</v>
      </c>
      <c r="D68" s="407">
        <v>1</v>
      </c>
      <c r="E68" s="397">
        <v>0</v>
      </c>
      <c r="F68" s="224"/>
      <c r="G68" s="380" t="s">
        <v>334</v>
      </c>
      <c r="H68" s="616"/>
      <c r="I68" s="11"/>
      <c r="J68" s="11"/>
      <c r="K68" s="32"/>
      <c r="L68" s="224"/>
      <c r="M68" s="224"/>
    </row>
    <row r="69" spans="1:13" ht="19.5" customHeight="1" x14ac:dyDescent="0.2">
      <c r="A69" s="764"/>
      <c r="B69" s="768">
        <v>0.9285714285714286</v>
      </c>
      <c r="C69" s="769"/>
      <c r="D69" s="768">
        <v>7.1428571428571425E-2</v>
      </c>
      <c r="E69" s="772"/>
      <c r="F69" s="224"/>
      <c r="G69" s="380" t="s">
        <v>327</v>
      </c>
      <c r="H69" s="616"/>
      <c r="I69" s="616"/>
      <c r="J69" s="616"/>
      <c r="K69" s="421"/>
      <c r="L69" s="224"/>
      <c r="M69" s="224"/>
    </row>
    <row r="70" spans="1:13" ht="19.5" customHeight="1" x14ac:dyDescent="0.2">
      <c r="A70" s="774" t="s">
        <v>10</v>
      </c>
      <c r="B70" s="426">
        <v>13</v>
      </c>
      <c r="C70" s="426">
        <v>6</v>
      </c>
      <c r="D70" s="426">
        <v>1</v>
      </c>
      <c r="E70" s="427">
        <v>0</v>
      </c>
      <c r="F70" s="224"/>
      <c r="G70" s="380" t="s">
        <v>326</v>
      </c>
      <c r="H70" s="616"/>
      <c r="I70" s="616"/>
      <c r="J70" s="616"/>
      <c r="K70" s="421"/>
      <c r="L70" s="224"/>
      <c r="M70" s="224"/>
    </row>
    <row r="71" spans="1:13" ht="19.5" customHeight="1" thickBot="1" x14ac:dyDescent="0.25">
      <c r="A71" s="775"/>
      <c r="B71" s="768">
        <v>0.95</v>
      </c>
      <c r="C71" s="769"/>
      <c r="D71" s="768">
        <v>0.05</v>
      </c>
      <c r="E71" s="772"/>
      <c r="F71" s="224"/>
      <c r="G71" s="380"/>
      <c r="H71" s="616"/>
      <c r="I71" s="616"/>
      <c r="J71" s="616"/>
      <c r="K71" s="421"/>
      <c r="L71" s="224"/>
      <c r="M71" s="224"/>
    </row>
    <row r="72" spans="1:13" ht="19.5" customHeight="1" thickTop="1" x14ac:dyDescent="0.2">
      <c r="A72" s="411" t="s">
        <v>63</v>
      </c>
      <c r="B72" s="413">
        <v>41</v>
      </c>
      <c r="C72" s="413">
        <v>66</v>
      </c>
      <c r="D72" s="413">
        <v>11</v>
      </c>
      <c r="E72" s="415">
        <v>3</v>
      </c>
      <c r="F72" s="224"/>
      <c r="G72" s="380"/>
      <c r="H72" s="616"/>
      <c r="I72" s="616"/>
      <c r="J72" s="616"/>
      <c r="K72" s="421"/>
      <c r="L72" s="224"/>
      <c r="M72" s="224"/>
    </row>
    <row r="73" spans="1:13" ht="19.5" customHeight="1" thickBot="1" x14ac:dyDescent="0.25">
      <c r="A73" s="428" t="s">
        <v>162</v>
      </c>
      <c r="B73" s="770">
        <v>0.88429752066115708</v>
      </c>
      <c r="C73" s="771"/>
      <c r="D73" s="770">
        <v>0.11570247933884298</v>
      </c>
      <c r="E73" s="773"/>
      <c r="F73" s="224"/>
      <c r="G73" s="422"/>
      <c r="H73" s="423"/>
      <c r="I73" s="423"/>
      <c r="J73" s="423"/>
      <c r="K73" s="424"/>
      <c r="L73" s="224"/>
      <c r="M73" s="224"/>
    </row>
    <row r="74" spans="1:13" ht="19.5" customHeight="1" x14ac:dyDescent="0.2">
      <c r="A74" s="374"/>
      <c r="B74" s="10"/>
      <c r="C74" s="10"/>
      <c r="D74" s="10"/>
      <c r="E74" s="10"/>
      <c r="F74" s="224"/>
      <c r="G74" s="224"/>
      <c r="H74" s="224"/>
      <c r="I74" s="224"/>
      <c r="J74" s="224"/>
      <c r="K74" s="224"/>
      <c r="L74" s="224"/>
      <c r="M74" s="224"/>
    </row>
    <row r="75" spans="1:13" ht="19.5" customHeight="1" thickBot="1" x14ac:dyDescent="0.25">
      <c r="A75" s="224" t="s">
        <v>155</v>
      </c>
      <c r="B75" s="224"/>
      <c r="C75" s="224"/>
      <c r="D75" s="299" t="s">
        <v>189</v>
      </c>
      <c r="E75" s="392">
        <v>117</v>
      </c>
      <c r="F75" s="224"/>
      <c r="G75" s="11" t="s">
        <v>332</v>
      </c>
      <c r="H75" s="224"/>
      <c r="I75" s="224"/>
      <c r="J75" s="224"/>
      <c r="K75" s="224"/>
      <c r="L75" s="224"/>
      <c r="M75" s="224"/>
    </row>
    <row r="76" spans="1:13" ht="19.5" customHeight="1" thickBot="1" x14ac:dyDescent="0.25">
      <c r="A76" s="375" t="s">
        <v>65</v>
      </c>
      <c r="B76" s="425" t="s">
        <v>156</v>
      </c>
      <c r="C76" s="379" t="s">
        <v>190</v>
      </c>
      <c r="D76" s="348" t="s">
        <v>157</v>
      </c>
      <c r="E76" s="393" t="s">
        <v>158</v>
      </c>
      <c r="F76" s="224"/>
      <c r="G76" s="14" t="s">
        <v>326</v>
      </c>
      <c r="H76" s="419"/>
      <c r="I76" s="419"/>
      <c r="J76" s="12"/>
      <c r="K76" s="13"/>
      <c r="L76" s="224"/>
      <c r="M76" s="224"/>
    </row>
    <row r="77" spans="1:13" ht="19.5" customHeight="1" thickTop="1" x14ac:dyDescent="0.2">
      <c r="A77" s="776" t="s">
        <v>86</v>
      </c>
      <c r="B77" s="404">
        <v>3</v>
      </c>
      <c r="C77" s="404">
        <v>4</v>
      </c>
      <c r="D77" s="404">
        <v>2</v>
      </c>
      <c r="E77" s="395">
        <v>0</v>
      </c>
      <c r="F77" s="224"/>
      <c r="G77" s="15" t="s">
        <v>335</v>
      </c>
      <c r="H77" s="616"/>
      <c r="I77" s="616"/>
      <c r="J77" s="616"/>
      <c r="K77" s="421"/>
      <c r="L77" s="224"/>
      <c r="M77" s="224"/>
    </row>
    <row r="78" spans="1:13" ht="19.5" customHeight="1" x14ac:dyDescent="0.2">
      <c r="A78" s="764"/>
      <c r="B78" s="768">
        <v>0.77777777777777779</v>
      </c>
      <c r="C78" s="769"/>
      <c r="D78" s="768">
        <v>0.22222222222222221</v>
      </c>
      <c r="E78" s="772"/>
      <c r="F78" s="224"/>
      <c r="G78" s="15" t="s">
        <v>336</v>
      </c>
      <c r="H78" s="616"/>
      <c r="I78" s="616"/>
      <c r="J78" s="616"/>
      <c r="K78" s="421"/>
      <c r="L78" s="224"/>
      <c r="M78" s="224"/>
    </row>
    <row r="79" spans="1:13" ht="19.5" customHeight="1" x14ac:dyDescent="0.2">
      <c r="A79" s="774" t="s">
        <v>87</v>
      </c>
      <c r="B79" s="407">
        <v>16</v>
      </c>
      <c r="C79" s="407">
        <v>13</v>
      </c>
      <c r="D79" s="407">
        <v>3</v>
      </c>
      <c r="E79" s="397">
        <v>0</v>
      </c>
      <c r="F79" s="224"/>
      <c r="G79" s="380"/>
      <c r="H79" s="616"/>
      <c r="I79" s="616"/>
      <c r="J79" s="616"/>
      <c r="K79" s="421"/>
      <c r="L79" s="224"/>
      <c r="M79" s="224"/>
    </row>
    <row r="80" spans="1:13" ht="19.5" customHeight="1" x14ac:dyDescent="0.2">
      <c r="A80" s="764"/>
      <c r="B80" s="768">
        <v>0.90625</v>
      </c>
      <c r="C80" s="769"/>
      <c r="D80" s="768">
        <v>9.375E-2</v>
      </c>
      <c r="E80" s="772"/>
      <c r="F80" s="224"/>
      <c r="G80" s="380"/>
      <c r="H80" s="616"/>
      <c r="I80" s="616"/>
      <c r="J80" s="616"/>
      <c r="K80" s="421"/>
      <c r="L80" s="224"/>
      <c r="M80" s="224"/>
    </row>
    <row r="81" spans="1:13" ht="19.5" customHeight="1" x14ac:dyDescent="0.2">
      <c r="A81" s="774" t="s">
        <v>88</v>
      </c>
      <c r="B81" s="407">
        <v>10</v>
      </c>
      <c r="C81" s="407">
        <v>12</v>
      </c>
      <c r="D81" s="407">
        <v>3</v>
      </c>
      <c r="E81" s="397">
        <v>0</v>
      </c>
      <c r="F81" s="224"/>
      <c r="G81" s="380"/>
      <c r="H81" s="616"/>
      <c r="I81" s="616"/>
      <c r="J81" s="616"/>
      <c r="K81" s="421"/>
      <c r="L81" s="224"/>
      <c r="M81" s="224"/>
    </row>
    <row r="82" spans="1:13" ht="19.5" customHeight="1" x14ac:dyDescent="0.2">
      <c r="A82" s="764"/>
      <c r="B82" s="768">
        <v>0.88</v>
      </c>
      <c r="C82" s="769"/>
      <c r="D82" s="768">
        <v>0.12</v>
      </c>
      <c r="E82" s="772"/>
      <c r="F82" s="224"/>
      <c r="G82" s="380"/>
      <c r="H82" s="616"/>
      <c r="I82" s="616"/>
      <c r="J82" s="616"/>
      <c r="K82" s="421"/>
      <c r="L82" s="224"/>
      <c r="M82" s="224"/>
    </row>
    <row r="83" spans="1:13" ht="19.5" customHeight="1" x14ac:dyDescent="0.2">
      <c r="A83" s="774" t="s">
        <v>89</v>
      </c>
      <c r="B83" s="407">
        <v>9</v>
      </c>
      <c r="C83" s="407">
        <v>9</v>
      </c>
      <c r="D83" s="407">
        <v>0</v>
      </c>
      <c r="E83" s="397">
        <v>0</v>
      </c>
      <c r="F83" s="224"/>
      <c r="G83" s="380"/>
      <c r="H83" s="616"/>
      <c r="I83" s="616"/>
      <c r="J83" s="616"/>
      <c r="K83" s="421"/>
      <c r="L83" s="224"/>
      <c r="M83" s="224"/>
    </row>
    <row r="84" spans="1:13" ht="19.5" customHeight="1" x14ac:dyDescent="0.2">
      <c r="A84" s="764"/>
      <c r="B84" s="768">
        <v>1</v>
      </c>
      <c r="C84" s="769"/>
      <c r="D84" s="768">
        <v>0</v>
      </c>
      <c r="E84" s="772"/>
      <c r="F84" s="224"/>
      <c r="G84" s="380"/>
      <c r="H84" s="616"/>
      <c r="I84" s="616"/>
      <c r="J84" s="616"/>
      <c r="K84" s="421"/>
      <c r="L84" s="224"/>
      <c r="M84" s="224"/>
    </row>
    <row r="85" spans="1:13" ht="19.5" customHeight="1" x14ac:dyDescent="0.2">
      <c r="A85" s="774" t="s">
        <v>90</v>
      </c>
      <c r="B85" s="407">
        <v>11</v>
      </c>
      <c r="C85" s="407">
        <v>3</v>
      </c>
      <c r="D85" s="407">
        <v>0</v>
      </c>
      <c r="E85" s="397">
        <v>0</v>
      </c>
      <c r="F85" s="224"/>
      <c r="G85" s="380"/>
      <c r="H85" s="616"/>
      <c r="I85" s="616"/>
      <c r="J85" s="616"/>
      <c r="K85" s="421"/>
      <c r="L85" s="224"/>
      <c r="M85" s="224"/>
    </row>
    <row r="86" spans="1:13" ht="19.5" customHeight="1" x14ac:dyDescent="0.2">
      <c r="A86" s="764"/>
      <c r="B86" s="768">
        <v>1</v>
      </c>
      <c r="C86" s="769"/>
      <c r="D86" s="768">
        <v>0</v>
      </c>
      <c r="E86" s="772"/>
      <c r="F86" s="224"/>
      <c r="G86" s="380"/>
      <c r="H86" s="616"/>
      <c r="I86" s="616"/>
      <c r="J86" s="616"/>
      <c r="K86" s="421"/>
      <c r="L86" s="224"/>
      <c r="M86" s="224"/>
    </row>
    <row r="87" spans="1:13" ht="19.5" customHeight="1" x14ac:dyDescent="0.2">
      <c r="A87" s="774" t="s">
        <v>10</v>
      </c>
      <c r="B87" s="426">
        <v>11</v>
      </c>
      <c r="C87" s="426">
        <v>8</v>
      </c>
      <c r="D87" s="426">
        <v>0</v>
      </c>
      <c r="E87" s="427">
        <v>0</v>
      </c>
      <c r="F87" s="224"/>
      <c r="G87" s="380"/>
      <c r="H87" s="616"/>
      <c r="I87" s="616"/>
      <c r="J87" s="616"/>
      <c r="K87" s="421"/>
      <c r="L87" s="224"/>
      <c r="M87" s="224"/>
    </row>
    <row r="88" spans="1:13" ht="19.5" customHeight="1" thickBot="1" x14ac:dyDescent="0.25">
      <c r="A88" s="775"/>
      <c r="B88" s="768">
        <v>1</v>
      </c>
      <c r="C88" s="769"/>
      <c r="D88" s="768">
        <v>0</v>
      </c>
      <c r="E88" s="772"/>
      <c r="F88" s="224"/>
      <c r="G88" s="380"/>
      <c r="H88" s="616"/>
      <c r="I88" s="616"/>
      <c r="J88" s="616"/>
      <c r="K88" s="421"/>
      <c r="L88" s="224"/>
      <c r="M88" s="224"/>
    </row>
    <row r="89" spans="1:13" ht="19.5" customHeight="1" thickTop="1" x14ac:dyDescent="0.2">
      <c r="A89" s="411" t="s">
        <v>63</v>
      </c>
      <c r="B89" s="413">
        <v>60</v>
      </c>
      <c r="C89" s="413">
        <v>49</v>
      </c>
      <c r="D89" s="413">
        <v>8</v>
      </c>
      <c r="E89" s="415">
        <v>0</v>
      </c>
      <c r="F89" s="224"/>
      <c r="G89" s="380"/>
      <c r="H89" s="616"/>
      <c r="I89" s="616"/>
      <c r="J89" s="616"/>
      <c r="K89" s="421"/>
      <c r="L89" s="224"/>
      <c r="M89" s="224"/>
    </row>
    <row r="90" spans="1:13" ht="19.5" customHeight="1" thickBot="1" x14ac:dyDescent="0.25">
      <c r="A90" s="428" t="s">
        <v>162</v>
      </c>
      <c r="B90" s="770">
        <v>0.93162393162393164</v>
      </c>
      <c r="C90" s="771"/>
      <c r="D90" s="770">
        <v>6.8376068376068383E-2</v>
      </c>
      <c r="E90" s="773"/>
      <c r="F90" s="224"/>
      <c r="G90" s="422"/>
      <c r="H90" s="423"/>
      <c r="I90" s="423"/>
      <c r="J90" s="423"/>
      <c r="K90" s="424"/>
      <c r="L90" s="224"/>
      <c r="M90" s="224"/>
    </row>
  </sheetData>
  <mergeCells count="80">
    <mergeCell ref="A85:A86"/>
    <mergeCell ref="A87:A88"/>
    <mergeCell ref="A70:A71"/>
    <mergeCell ref="A77:A78"/>
    <mergeCell ref="A79:A80"/>
    <mergeCell ref="A81:A82"/>
    <mergeCell ref="A83:A84"/>
    <mergeCell ref="A60:A61"/>
    <mergeCell ref="A62:A63"/>
    <mergeCell ref="A64:A65"/>
    <mergeCell ref="A66:A67"/>
    <mergeCell ref="A68:A69"/>
    <mergeCell ref="A53:A54"/>
    <mergeCell ref="G43:G44"/>
    <mergeCell ref="G45:G46"/>
    <mergeCell ref="G47:G48"/>
    <mergeCell ref="G49:G50"/>
    <mergeCell ref="G51:G52"/>
    <mergeCell ref="G53:G54"/>
    <mergeCell ref="A43:A44"/>
    <mergeCell ref="A45:A46"/>
    <mergeCell ref="A47:A48"/>
    <mergeCell ref="A49:A50"/>
    <mergeCell ref="A51:A52"/>
    <mergeCell ref="B44:C44"/>
    <mergeCell ref="B46:C46"/>
    <mergeCell ref="B48:C48"/>
    <mergeCell ref="B50:C50"/>
    <mergeCell ref="H56:I56"/>
    <mergeCell ref="J56:K56"/>
    <mergeCell ref="D73:E73"/>
    <mergeCell ref="D61:E61"/>
    <mergeCell ref="D63:E63"/>
    <mergeCell ref="D65:E65"/>
    <mergeCell ref="D67:E67"/>
    <mergeCell ref="D69:E69"/>
    <mergeCell ref="D71:E71"/>
    <mergeCell ref="D90:E90"/>
    <mergeCell ref="D44:E44"/>
    <mergeCell ref="D46:E46"/>
    <mergeCell ref="D48:E48"/>
    <mergeCell ref="D50:E50"/>
    <mergeCell ref="D56:E56"/>
    <mergeCell ref="D52:E52"/>
    <mergeCell ref="D54:E54"/>
    <mergeCell ref="D78:E78"/>
    <mergeCell ref="D80:E80"/>
    <mergeCell ref="D88:E88"/>
    <mergeCell ref="D82:E82"/>
    <mergeCell ref="D84:E84"/>
    <mergeCell ref="D86:E86"/>
    <mergeCell ref="J44:K44"/>
    <mergeCell ref="H46:I46"/>
    <mergeCell ref="J46:K46"/>
    <mergeCell ref="H48:I48"/>
    <mergeCell ref="J48:K48"/>
    <mergeCell ref="H44:I44"/>
    <mergeCell ref="H50:I50"/>
    <mergeCell ref="J50:K50"/>
    <mergeCell ref="H52:I52"/>
    <mergeCell ref="J52:K52"/>
    <mergeCell ref="H54:I54"/>
    <mergeCell ref="J54:K54"/>
    <mergeCell ref="B52:C52"/>
    <mergeCell ref="B54:C54"/>
    <mergeCell ref="B56:C56"/>
    <mergeCell ref="B61:C61"/>
    <mergeCell ref="B63:C63"/>
    <mergeCell ref="B65:C65"/>
    <mergeCell ref="B67:C67"/>
    <mergeCell ref="B69:C69"/>
    <mergeCell ref="B71:C71"/>
    <mergeCell ref="B73:C73"/>
    <mergeCell ref="B88:C88"/>
    <mergeCell ref="B90:C90"/>
    <mergeCell ref="B78:C78"/>
    <mergeCell ref="B80:C80"/>
    <mergeCell ref="B82:C82"/>
    <mergeCell ref="B84:C84"/>
    <mergeCell ref="B86:C86"/>
  </mergeCells>
  <phoneticPr fontId="1"/>
  <pageMargins left="0.82677165354330717" right="0.23622047244094491" top="0.74803149606299213" bottom="0.55118110236220474" header="0.31496062992125984" footer="0.31496062992125984"/>
  <pageSetup paperSize="9" scale="55" orientation="landscape" r:id="rId1"/>
  <headerFooter>
    <oddFooter>&amp;C&amp;P</oddFooter>
  </headerFooter>
  <rowBreaks count="1" manualBreakCount="1">
    <brk id="40" max="12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A1:L36"/>
  <sheetViews>
    <sheetView view="pageBreakPreview" zoomScale="80" zoomScaleNormal="80" zoomScaleSheetLayoutView="80" zoomScalePageLayoutView="50" workbookViewId="0"/>
  </sheetViews>
  <sheetFormatPr defaultColWidth="14.59765625" defaultRowHeight="20.100000000000001" customHeight="1" x14ac:dyDescent="0.2"/>
  <cols>
    <col min="1" max="1" width="14.59765625" style="112"/>
    <col min="2" max="14" width="12.59765625" style="112" customWidth="1"/>
    <col min="15" max="16384" width="14.59765625" style="112"/>
  </cols>
  <sheetData>
    <row r="1" spans="1:12" ht="20.100000000000001" customHeight="1" x14ac:dyDescent="0.2">
      <c r="A1" s="281" t="s">
        <v>283</v>
      </c>
      <c r="B1" s="282"/>
      <c r="C1" s="282"/>
      <c r="D1" s="282"/>
      <c r="E1" s="282"/>
      <c r="F1" s="282"/>
      <c r="G1" s="282"/>
      <c r="H1" s="282"/>
      <c r="I1" s="282"/>
      <c r="J1" s="282"/>
      <c r="K1" s="282"/>
      <c r="L1" s="282"/>
    </row>
    <row r="2" spans="1:12" ht="20.100000000000001" customHeight="1" x14ac:dyDescent="0.2">
      <c r="A2" s="282"/>
      <c r="B2" s="282"/>
      <c r="C2" s="340"/>
      <c r="D2" s="340"/>
      <c r="E2" s="340"/>
      <c r="F2" s="340"/>
      <c r="G2" s="340"/>
      <c r="H2" s="340"/>
      <c r="I2" s="340"/>
      <c r="J2" s="340"/>
      <c r="K2" s="282"/>
      <c r="L2" s="282"/>
    </row>
    <row r="3" spans="1:12" ht="20.100000000000001" customHeight="1" thickBot="1" x14ac:dyDescent="0.25">
      <c r="A3" s="282" t="s">
        <v>75</v>
      </c>
      <c r="B3" s="282"/>
      <c r="C3" s="282"/>
      <c r="D3" s="282"/>
      <c r="E3" s="282" t="s">
        <v>149</v>
      </c>
      <c r="F3" s="282"/>
      <c r="G3" s="282"/>
      <c r="H3" s="282"/>
      <c r="I3" s="282"/>
      <c r="J3" s="282"/>
      <c r="K3" s="282"/>
      <c r="L3" s="282"/>
    </row>
    <row r="4" spans="1:12" ht="20.100000000000001" customHeight="1" x14ac:dyDescent="0.2">
      <c r="A4" s="779" t="s">
        <v>65</v>
      </c>
      <c r="B4" s="779" t="s">
        <v>184</v>
      </c>
      <c r="C4" s="680" t="s">
        <v>12</v>
      </c>
      <c r="D4" s="681"/>
      <c r="E4" s="682"/>
      <c r="F4" s="777" t="s">
        <v>13</v>
      </c>
      <c r="G4" s="681"/>
      <c r="H4" s="778"/>
      <c r="I4" s="680" t="s">
        <v>14</v>
      </c>
      <c r="J4" s="681"/>
      <c r="K4" s="682"/>
      <c r="L4" s="282"/>
    </row>
    <row r="5" spans="1:12" ht="20.100000000000001" customHeight="1" thickBot="1" x14ac:dyDescent="0.25">
      <c r="A5" s="780"/>
      <c r="B5" s="780"/>
      <c r="C5" s="286" t="s">
        <v>137</v>
      </c>
      <c r="D5" s="429" t="s">
        <v>138</v>
      </c>
      <c r="E5" s="333" t="s">
        <v>245</v>
      </c>
      <c r="F5" s="430" t="s">
        <v>137</v>
      </c>
      <c r="G5" s="429" t="s">
        <v>138</v>
      </c>
      <c r="H5" s="333" t="s">
        <v>245</v>
      </c>
      <c r="I5" s="286" t="s">
        <v>137</v>
      </c>
      <c r="J5" s="429" t="s">
        <v>138</v>
      </c>
      <c r="K5" s="333" t="s">
        <v>245</v>
      </c>
      <c r="L5" s="282"/>
    </row>
    <row r="6" spans="1:12" ht="20.100000000000001" customHeight="1" thickTop="1" x14ac:dyDescent="0.2">
      <c r="A6" s="289" t="s">
        <v>86</v>
      </c>
      <c r="B6" s="431">
        <v>39</v>
      </c>
      <c r="C6" s="122">
        <v>227</v>
      </c>
      <c r="D6" s="145">
        <v>74</v>
      </c>
      <c r="E6" s="72">
        <v>0.32599118942731276</v>
      </c>
      <c r="F6" s="290">
        <v>185</v>
      </c>
      <c r="G6" s="145">
        <v>70</v>
      </c>
      <c r="H6" s="171">
        <v>0.3783783783783784</v>
      </c>
      <c r="I6" s="122">
        <v>42</v>
      </c>
      <c r="J6" s="145">
        <v>4</v>
      </c>
      <c r="K6" s="72">
        <v>9.5238095238095233E-2</v>
      </c>
      <c r="L6" s="282"/>
    </row>
    <row r="7" spans="1:12" ht="20.100000000000001" customHeight="1" x14ac:dyDescent="0.2">
      <c r="A7" s="291" t="s">
        <v>87</v>
      </c>
      <c r="B7" s="431">
        <v>67</v>
      </c>
      <c r="C7" s="122">
        <v>601</v>
      </c>
      <c r="D7" s="145">
        <v>332</v>
      </c>
      <c r="E7" s="72">
        <v>0.55241264559068215</v>
      </c>
      <c r="F7" s="432">
        <v>566</v>
      </c>
      <c r="G7" s="292">
        <v>313</v>
      </c>
      <c r="H7" s="171">
        <v>0.55300353356890464</v>
      </c>
      <c r="I7" s="124">
        <v>35</v>
      </c>
      <c r="J7" s="292">
        <v>19</v>
      </c>
      <c r="K7" s="72">
        <v>0.54285714285714282</v>
      </c>
      <c r="L7" s="282"/>
    </row>
    <row r="8" spans="1:12" ht="20.100000000000001" customHeight="1" x14ac:dyDescent="0.2">
      <c r="A8" s="291" t="s">
        <v>88</v>
      </c>
      <c r="B8" s="431">
        <v>37</v>
      </c>
      <c r="C8" s="122">
        <v>634</v>
      </c>
      <c r="D8" s="145">
        <v>402</v>
      </c>
      <c r="E8" s="72">
        <v>0.63406940063091488</v>
      </c>
      <c r="F8" s="432">
        <v>613</v>
      </c>
      <c r="G8" s="292">
        <v>391</v>
      </c>
      <c r="H8" s="171">
        <v>0.63784665579119082</v>
      </c>
      <c r="I8" s="124">
        <v>21</v>
      </c>
      <c r="J8" s="292">
        <v>11</v>
      </c>
      <c r="K8" s="72">
        <v>0.52380952380952384</v>
      </c>
      <c r="L8" s="282"/>
    </row>
    <row r="9" spans="1:12" ht="20.100000000000001" customHeight="1" x14ac:dyDescent="0.2">
      <c r="A9" s="291" t="s">
        <v>89</v>
      </c>
      <c r="B9" s="431">
        <v>21</v>
      </c>
      <c r="C9" s="122">
        <v>492</v>
      </c>
      <c r="D9" s="145">
        <v>504</v>
      </c>
      <c r="E9" s="72">
        <v>1.024390243902439</v>
      </c>
      <c r="F9" s="432">
        <v>480</v>
      </c>
      <c r="G9" s="292">
        <v>491</v>
      </c>
      <c r="H9" s="171">
        <v>1.0229166666666667</v>
      </c>
      <c r="I9" s="124">
        <v>12</v>
      </c>
      <c r="J9" s="292">
        <v>13</v>
      </c>
      <c r="K9" s="72">
        <v>1.0833333333333333</v>
      </c>
      <c r="L9" s="282"/>
    </row>
    <row r="10" spans="1:12" ht="20.100000000000001" customHeight="1" x14ac:dyDescent="0.2">
      <c r="A10" s="291" t="s">
        <v>90</v>
      </c>
      <c r="B10" s="431">
        <v>15</v>
      </c>
      <c r="C10" s="122">
        <v>578</v>
      </c>
      <c r="D10" s="145">
        <v>601</v>
      </c>
      <c r="E10" s="72">
        <v>1.0397923875432526</v>
      </c>
      <c r="F10" s="432">
        <v>572</v>
      </c>
      <c r="G10" s="292">
        <v>595</v>
      </c>
      <c r="H10" s="171">
        <v>1.0402097902097902</v>
      </c>
      <c r="I10" s="124">
        <v>6</v>
      </c>
      <c r="J10" s="292">
        <v>6</v>
      </c>
      <c r="K10" s="72">
        <v>1</v>
      </c>
      <c r="L10" s="282"/>
    </row>
    <row r="11" spans="1:12" ht="20.100000000000001" customHeight="1" thickBot="1" x14ac:dyDescent="0.25">
      <c r="A11" s="293" t="s">
        <v>10</v>
      </c>
      <c r="B11" s="433">
        <v>20</v>
      </c>
      <c r="C11" s="129">
        <v>1440</v>
      </c>
      <c r="D11" s="146">
        <v>1786</v>
      </c>
      <c r="E11" s="62">
        <v>1.2402777777777778</v>
      </c>
      <c r="F11" s="434">
        <v>1423</v>
      </c>
      <c r="G11" s="146">
        <v>1772</v>
      </c>
      <c r="H11" s="61">
        <v>1.2452565003513703</v>
      </c>
      <c r="I11" s="129">
        <v>17</v>
      </c>
      <c r="J11" s="146">
        <v>14</v>
      </c>
      <c r="K11" s="72">
        <v>0.82352941176470584</v>
      </c>
      <c r="L11" s="282"/>
    </row>
    <row r="12" spans="1:12" ht="20.100000000000001" customHeight="1" thickTop="1" thickBot="1" x14ac:dyDescent="0.25">
      <c r="A12" s="296" t="s">
        <v>63</v>
      </c>
      <c r="B12" s="435">
        <v>199</v>
      </c>
      <c r="C12" s="147">
        <v>3972</v>
      </c>
      <c r="D12" s="148">
        <v>3699</v>
      </c>
      <c r="E12" s="170">
        <v>0.93126888217522663</v>
      </c>
      <c r="F12" s="149">
        <v>3839</v>
      </c>
      <c r="G12" s="148">
        <v>3632</v>
      </c>
      <c r="H12" s="172">
        <v>0.94607970825735865</v>
      </c>
      <c r="I12" s="147">
        <v>133</v>
      </c>
      <c r="J12" s="148">
        <v>67</v>
      </c>
      <c r="K12" s="170">
        <v>0.50375939849624063</v>
      </c>
      <c r="L12" s="282"/>
    </row>
    <row r="13" spans="1:12" ht="20.100000000000001" customHeight="1" x14ac:dyDescent="0.2">
      <c r="A13" s="282"/>
      <c r="B13" s="341" t="s">
        <v>185</v>
      </c>
      <c r="C13" s="340"/>
      <c r="D13" s="340"/>
      <c r="E13" s="282"/>
      <c r="F13" s="340"/>
      <c r="G13" s="340"/>
      <c r="H13" s="340"/>
      <c r="I13" s="340"/>
      <c r="J13" s="340"/>
      <c r="K13" s="282"/>
      <c r="L13" s="282"/>
    </row>
    <row r="14" spans="1:12" ht="20.100000000000001" customHeight="1" thickBot="1" x14ac:dyDescent="0.25">
      <c r="A14" s="282" t="s">
        <v>80</v>
      </c>
      <c r="B14" s="282"/>
      <c r="C14" s="282"/>
      <c r="D14" s="282"/>
      <c r="E14" s="282"/>
      <c r="F14" s="282"/>
      <c r="G14" s="282"/>
      <c r="H14" s="282"/>
      <c r="I14" s="282"/>
      <c r="J14" s="282"/>
      <c r="K14" s="282"/>
      <c r="L14" s="282"/>
    </row>
    <row r="15" spans="1:12" ht="20.100000000000001" customHeight="1" x14ac:dyDescent="0.2">
      <c r="A15" s="779" t="s">
        <v>72</v>
      </c>
      <c r="B15" s="680" t="s">
        <v>12</v>
      </c>
      <c r="C15" s="681"/>
      <c r="D15" s="682"/>
      <c r="E15" s="777" t="s">
        <v>13</v>
      </c>
      <c r="F15" s="681"/>
      <c r="G15" s="778"/>
      <c r="H15" s="680" t="s">
        <v>14</v>
      </c>
      <c r="I15" s="681"/>
      <c r="J15" s="682"/>
      <c r="K15" s="282"/>
      <c r="L15" s="282"/>
    </row>
    <row r="16" spans="1:12" ht="20.100000000000001" customHeight="1" thickBot="1" x14ac:dyDescent="0.25">
      <c r="A16" s="780"/>
      <c r="B16" s="286" t="s">
        <v>137</v>
      </c>
      <c r="C16" s="429" t="s">
        <v>138</v>
      </c>
      <c r="D16" s="333" t="s">
        <v>245</v>
      </c>
      <c r="E16" s="430" t="s">
        <v>137</v>
      </c>
      <c r="F16" s="429" t="s">
        <v>138</v>
      </c>
      <c r="G16" s="333" t="s">
        <v>245</v>
      </c>
      <c r="H16" s="286" t="s">
        <v>137</v>
      </c>
      <c r="I16" s="429" t="s">
        <v>138</v>
      </c>
      <c r="J16" s="333" t="s">
        <v>245</v>
      </c>
      <c r="K16" s="282"/>
      <c r="L16" s="282"/>
    </row>
    <row r="17" spans="1:12" ht="20.100000000000001" customHeight="1" thickTop="1" x14ac:dyDescent="0.2">
      <c r="A17" s="436" t="s">
        <v>150</v>
      </c>
      <c r="B17" s="122">
        <v>1</v>
      </c>
      <c r="C17" s="145">
        <v>30</v>
      </c>
      <c r="D17" s="72">
        <v>30</v>
      </c>
      <c r="E17" s="290">
        <v>1</v>
      </c>
      <c r="F17" s="145">
        <v>30</v>
      </c>
      <c r="G17" s="171">
        <v>30</v>
      </c>
      <c r="H17" s="122">
        <v>0</v>
      </c>
      <c r="I17" s="145">
        <v>0</v>
      </c>
      <c r="J17" s="176" t="s">
        <v>319</v>
      </c>
      <c r="K17" s="282"/>
      <c r="L17" s="282"/>
    </row>
    <row r="18" spans="1:12" ht="20.100000000000001" customHeight="1" x14ac:dyDescent="0.2">
      <c r="A18" s="437" t="s">
        <v>18</v>
      </c>
      <c r="B18" s="122">
        <v>68</v>
      </c>
      <c r="C18" s="145">
        <v>111</v>
      </c>
      <c r="D18" s="72">
        <v>1.6323529411764706</v>
      </c>
      <c r="E18" s="432">
        <v>68</v>
      </c>
      <c r="F18" s="292">
        <v>110</v>
      </c>
      <c r="G18" s="171">
        <v>1.6176470588235294</v>
      </c>
      <c r="H18" s="124">
        <v>0</v>
      </c>
      <c r="I18" s="292">
        <v>1</v>
      </c>
      <c r="J18" s="176" t="s">
        <v>319</v>
      </c>
      <c r="K18" s="282"/>
      <c r="L18" s="282"/>
    </row>
    <row r="19" spans="1:12" ht="20.100000000000001" customHeight="1" x14ac:dyDescent="0.2">
      <c r="A19" s="437" t="s">
        <v>73</v>
      </c>
      <c r="B19" s="122">
        <v>3872</v>
      </c>
      <c r="C19" s="145">
        <v>3540</v>
      </c>
      <c r="D19" s="72">
        <v>0.91425619834710747</v>
      </c>
      <c r="E19" s="432">
        <v>3743</v>
      </c>
      <c r="F19" s="292">
        <v>3478</v>
      </c>
      <c r="G19" s="171">
        <v>0.92920117552765158</v>
      </c>
      <c r="H19" s="124">
        <v>129</v>
      </c>
      <c r="I19" s="292">
        <v>62</v>
      </c>
      <c r="J19" s="72">
        <v>0.48062015503875971</v>
      </c>
      <c r="K19" s="282"/>
      <c r="L19" s="282"/>
    </row>
    <row r="20" spans="1:12" ht="20.100000000000001" customHeight="1" thickBot="1" x14ac:dyDescent="0.25">
      <c r="A20" s="438" t="s">
        <v>74</v>
      </c>
      <c r="B20" s="122">
        <v>31</v>
      </c>
      <c r="C20" s="145">
        <v>18</v>
      </c>
      <c r="D20" s="72">
        <v>0.58064516129032262</v>
      </c>
      <c r="E20" s="432">
        <v>27</v>
      </c>
      <c r="F20" s="292">
        <v>14</v>
      </c>
      <c r="G20" s="171">
        <v>0.51851851851851849</v>
      </c>
      <c r="H20" s="124">
        <v>4</v>
      </c>
      <c r="I20" s="292">
        <v>4</v>
      </c>
      <c r="J20" s="336">
        <v>1</v>
      </c>
      <c r="K20" s="282"/>
      <c r="L20" s="282"/>
    </row>
    <row r="21" spans="1:12" ht="20.100000000000001" customHeight="1" thickTop="1" thickBot="1" x14ac:dyDescent="0.25">
      <c r="A21" s="439" t="s">
        <v>63</v>
      </c>
      <c r="B21" s="147">
        <v>3972</v>
      </c>
      <c r="C21" s="148">
        <v>3699</v>
      </c>
      <c r="D21" s="170">
        <v>0.93126888217522663</v>
      </c>
      <c r="E21" s="149">
        <v>3839</v>
      </c>
      <c r="F21" s="148">
        <v>3632</v>
      </c>
      <c r="G21" s="172">
        <v>0.94607970825735865</v>
      </c>
      <c r="H21" s="147">
        <v>133</v>
      </c>
      <c r="I21" s="148">
        <v>67</v>
      </c>
      <c r="J21" s="170">
        <v>0.50375939849624063</v>
      </c>
      <c r="K21" s="282"/>
      <c r="L21" s="282"/>
    </row>
    <row r="22" spans="1:12" ht="20.100000000000001" customHeight="1" x14ac:dyDescent="0.2">
      <c r="A22" s="340"/>
      <c r="B22" s="139"/>
      <c r="C22" s="139"/>
      <c r="D22" s="150"/>
      <c r="E22" s="139"/>
      <c r="F22" s="139"/>
      <c r="G22" s="150"/>
      <c r="H22" s="139"/>
      <c r="I22" s="139"/>
      <c r="J22" s="151"/>
      <c r="K22" s="282"/>
      <c r="L22" s="282"/>
    </row>
    <row r="23" spans="1:12" ht="20.100000000000001" customHeight="1" thickBot="1" x14ac:dyDescent="0.25">
      <c r="A23" s="282" t="s">
        <v>104</v>
      </c>
      <c r="B23" s="282"/>
      <c r="C23" s="282"/>
      <c r="D23" s="282"/>
      <c r="E23" s="282"/>
      <c r="F23" s="282"/>
      <c r="G23" s="282"/>
      <c r="H23" s="282"/>
      <c r="I23" s="282"/>
      <c r="J23" s="282"/>
      <c r="K23" s="282"/>
      <c r="L23" s="282"/>
    </row>
    <row r="24" spans="1:12" ht="20.100000000000001" customHeight="1" x14ac:dyDescent="0.2">
      <c r="A24" s="779" t="s">
        <v>134</v>
      </c>
      <c r="B24" s="779" t="s">
        <v>184</v>
      </c>
      <c r="C24" s="680" t="s">
        <v>12</v>
      </c>
      <c r="D24" s="681"/>
      <c r="E24" s="682"/>
      <c r="F24" s="777" t="s">
        <v>13</v>
      </c>
      <c r="G24" s="681"/>
      <c r="H24" s="778"/>
      <c r="I24" s="680" t="s">
        <v>14</v>
      </c>
      <c r="J24" s="681"/>
      <c r="K24" s="682"/>
      <c r="L24" s="282"/>
    </row>
    <row r="25" spans="1:12" ht="20.100000000000001" customHeight="1" thickBot="1" x14ac:dyDescent="0.25">
      <c r="A25" s="780"/>
      <c r="B25" s="780"/>
      <c r="C25" s="286" t="s">
        <v>137</v>
      </c>
      <c r="D25" s="429" t="s">
        <v>138</v>
      </c>
      <c r="E25" s="333" t="s">
        <v>245</v>
      </c>
      <c r="F25" s="430" t="s">
        <v>137</v>
      </c>
      <c r="G25" s="429" t="s">
        <v>138</v>
      </c>
      <c r="H25" s="333" t="s">
        <v>245</v>
      </c>
      <c r="I25" s="286" t="s">
        <v>137</v>
      </c>
      <c r="J25" s="429" t="s">
        <v>138</v>
      </c>
      <c r="K25" s="333" t="s">
        <v>245</v>
      </c>
      <c r="L25" s="282"/>
    </row>
    <row r="26" spans="1:12" ht="20.100000000000001" customHeight="1" thickTop="1" x14ac:dyDescent="0.2">
      <c r="A26" s="289" t="s">
        <v>39</v>
      </c>
      <c r="B26" s="431">
        <v>79</v>
      </c>
      <c r="C26" s="122">
        <v>1795</v>
      </c>
      <c r="D26" s="145">
        <v>1722</v>
      </c>
      <c r="E26" s="72">
        <v>0.95933147632311977</v>
      </c>
      <c r="F26" s="290">
        <v>1758</v>
      </c>
      <c r="G26" s="145">
        <v>1696</v>
      </c>
      <c r="H26" s="171">
        <v>0.96473265073947667</v>
      </c>
      <c r="I26" s="122">
        <v>37</v>
      </c>
      <c r="J26" s="145">
        <v>26</v>
      </c>
      <c r="K26" s="72">
        <v>0.70270270270270274</v>
      </c>
      <c r="L26" s="282"/>
    </row>
    <row r="27" spans="1:12" ht="20.100000000000001" customHeight="1" x14ac:dyDescent="0.2">
      <c r="A27" s="289" t="s">
        <v>40</v>
      </c>
      <c r="B27" s="431">
        <v>27</v>
      </c>
      <c r="C27" s="122">
        <v>486</v>
      </c>
      <c r="D27" s="145">
        <v>674</v>
      </c>
      <c r="E27" s="72">
        <v>1.3868312757201646</v>
      </c>
      <c r="F27" s="290">
        <v>481</v>
      </c>
      <c r="G27" s="145">
        <v>669</v>
      </c>
      <c r="H27" s="171">
        <v>1.3908523908523909</v>
      </c>
      <c r="I27" s="122">
        <v>5</v>
      </c>
      <c r="J27" s="145">
        <v>5</v>
      </c>
      <c r="K27" s="72">
        <v>1</v>
      </c>
      <c r="L27" s="282"/>
    </row>
    <row r="28" spans="1:12" ht="20.100000000000001" customHeight="1" x14ac:dyDescent="0.2">
      <c r="A28" s="289" t="s">
        <v>41</v>
      </c>
      <c r="B28" s="431">
        <v>19</v>
      </c>
      <c r="C28" s="122">
        <v>355</v>
      </c>
      <c r="D28" s="145">
        <v>269</v>
      </c>
      <c r="E28" s="72">
        <v>0.75774647887323943</v>
      </c>
      <c r="F28" s="290">
        <v>338</v>
      </c>
      <c r="G28" s="145">
        <v>260</v>
      </c>
      <c r="H28" s="171">
        <v>0.76923076923076927</v>
      </c>
      <c r="I28" s="122">
        <v>17</v>
      </c>
      <c r="J28" s="145">
        <v>9</v>
      </c>
      <c r="K28" s="72">
        <v>0.52941176470588236</v>
      </c>
      <c r="L28" s="282"/>
    </row>
    <row r="29" spans="1:12" ht="20.100000000000001" customHeight="1" x14ac:dyDescent="0.2">
      <c r="A29" s="289" t="s">
        <v>42</v>
      </c>
      <c r="B29" s="431">
        <v>17</v>
      </c>
      <c r="C29" s="122">
        <v>636</v>
      </c>
      <c r="D29" s="145">
        <v>311</v>
      </c>
      <c r="E29" s="72">
        <v>0.4889937106918239</v>
      </c>
      <c r="F29" s="290">
        <v>583</v>
      </c>
      <c r="G29" s="145">
        <v>305</v>
      </c>
      <c r="H29" s="171">
        <v>0.52315608919382506</v>
      </c>
      <c r="I29" s="122">
        <v>53</v>
      </c>
      <c r="J29" s="145">
        <v>6</v>
      </c>
      <c r="K29" s="72">
        <v>0.11320754716981132</v>
      </c>
      <c r="L29" s="282"/>
    </row>
    <row r="30" spans="1:12" ht="20.100000000000001" customHeight="1" x14ac:dyDescent="0.2">
      <c r="A30" s="291" t="s">
        <v>43</v>
      </c>
      <c r="B30" s="431">
        <v>12</v>
      </c>
      <c r="C30" s="124">
        <v>156</v>
      </c>
      <c r="D30" s="145">
        <v>134</v>
      </c>
      <c r="E30" s="72">
        <v>0.85897435897435892</v>
      </c>
      <c r="F30" s="432">
        <v>143</v>
      </c>
      <c r="G30" s="292">
        <v>128</v>
      </c>
      <c r="H30" s="171">
        <v>0.8951048951048951</v>
      </c>
      <c r="I30" s="124">
        <v>13</v>
      </c>
      <c r="J30" s="292">
        <v>6</v>
      </c>
      <c r="K30" s="72">
        <v>0.46153846153846156</v>
      </c>
      <c r="L30" s="440"/>
    </row>
    <row r="31" spans="1:12" ht="20.100000000000001" customHeight="1" x14ac:dyDescent="0.2">
      <c r="A31" s="291" t="s">
        <v>44</v>
      </c>
      <c r="B31" s="431">
        <v>14</v>
      </c>
      <c r="C31" s="122">
        <v>227</v>
      </c>
      <c r="D31" s="145">
        <v>317</v>
      </c>
      <c r="E31" s="72">
        <v>1.3964757709251101</v>
      </c>
      <c r="F31" s="432">
        <v>226</v>
      </c>
      <c r="G31" s="292">
        <v>310</v>
      </c>
      <c r="H31" s="171">
        <v>1.3716814159292035</v>
      </c>
      <c r="I31" s="124">
        <v>1</v>
      </c>
      <c r="J31" s="292">
        <v>7</v>
      </c>
      <c r="K31" s="72">
        <v>7</v>
      </c>
      <c r="L31" s="440"/>
    </row>
    <row r="32" spans="1:12" ht="20.100000000000001" customHeight="1" x14ac:dyDescent="0.2">
      <c r="A32" s="291" t="s">
        <v>45</v>
      </c>
      <c r="B32" s="431">
        <v>20</v>
      </c>
      <c r="C32" s="122">
        <v>206</v>
      </c>
      <c r="D32" s="145">
        <v>187</v>
      </c>
      <c r="E32" s="72">
        <v>0.90776699029126218</v>
      </c>
      <c r="F32" s="432">
        <v>201</v>
      </c>
      <c r="G32" s="292">
        <v>179</v>
      </c>
      <c r="H32" s="171">
        <v>0.89054726368159209</v>
      </c>
      <c r="I32" s="124">
        <v>5</v>
      </c>
      <c r="J32" s="292">
        <v>8</v>
      </c>
      <c r="K32" s="72">
        <v>1.6</v>
      </c>
      <c r="L32" s="440"/>
    </row>
    <row r="33" spans="1:12" ht="20.100000000000001" customHeight="1" thickBot="1" x14ac:dyDescent="0.25">
      <c r="A33" s="293" t="s">
        <v>46</v>
      </c>
      <c r="B33" s="431">
        <v>11</v>
      </c>
      <c r="C33" s="122">
        <v>111</v>
      </c>
      <c r="D33" s="145">
        <v>85</v>
      </c>
      <c r="E33" s="72">
        <v>0.76576576576576572</v>
      </c>
      <c r="F33" s="432">
        <v>109</v>
      </c>
      <c r="G33" s="292">
        <v>85</v>
      </c>
      <c r="H33" s="171">
        <v>0.77981651376146788</v>
      </c>
      <c r="I33" s="124">
        <v>2</v>
      </c>
      <c r="J33" s="292">
        <v>0</v>
      </c>
      <c r="K33" s="72">
        <v>0</v>
      </c>
      <c r="L33" s="440"/>
    </row>
    <row r="34" spans="1:12" ht="20.100000000000001" customHeight="1" thickTop="1" thickBot="1" x14ac:dyDescent="0.25">
      <c r="A34" s="296" t="s">
        <v>63</v>
      </c>
      <c r="B34" s="435">
        <v>199</v>
      </c>
      <c r="C34" s="147">
        <v>3972</v>
      </c>
      <c r="D34" s="148">
        <v>3699</v>
      </c>
      <c r="E34" s="170">
        <v>0.93126888217522663</v>
      </c>
      <c r="F34" s="149">
        <v>3839</v>
      </c>
      <c r="G34" s="148">
        <v>3632</v>
      </c>
      <c r="H34" s="172">
        <v>0.94607970825735865</v>
      </c>
      <c r="I34" s="147">
        <v>133</v>
      </c>
      <c r="J34" s="148">
        <v>67</v>
      </c>
      <c r="K34" s="170">
        <v>0.50375939849624063</v>
      </c>
      <c r="L34" s="282"/>
    </row>
    <row r="35" spans="1:12" ht="20.100000000000001" customHeight="1" x14ac:dyDescent="0.2">
      <c r="H35" s="152"/>
    </row>
    <row r="36" spans="1:12" ht="20.100000000000001" customHeight="1" x14ac:dyDescent="0.2">
      <c r="H36" s="152"/>
    </row>
  </sheetData>
  <mergeCells count="14">
    <mergeCell ref="A24:A25"/>
    <mergeCell ref="B24:B25"/>
    <mergeCell ref="C24:E24"/>
    <mergeCell ref="F24:H24"/>
    <mergeCell ref="I24:K24"/>
    <mergeCell ref="B15:D15"/>
    <mergeCell ref="E15:G15"/>
    <mergeCell ref="H15:J15"/>
    <mergeCell ref="A4:A5"/>
    <mergeCell ref="B4:B5"/>
    <mergeCell ref="C4:E4"/>
    <mergeCell ref="F4:H4"/>
    <mergeCell ref="I4:K4"/>
    <mergeCell ref="A15:A16"/>
  </mergeCells>
  <phoneticPr fontId="1"/>
  <pageMargins left="0.82677165354330717" right="0.23622047244094491" top="0.74803149606299213" bottom="0.55118110236220474" header="0.31496062992125984" footer="0.31496062992125984"/>
  <pageSetup paperSize="9" scale="70" orientation="landscape" r:id="rId1"/>
  <headerFooter>
    <oddFooter>&amp;C&amp;P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H23"/>
  <sheetViews>
    <sheetView view="pageBreakPreview" zoomScale="80" zoomScaleNormal="80" zoomScaleSheetLayoutView="80" zoomScalePageLayoutView="50" workbookViewId="0"/>
  </sheetViews>
  <sheetFormatPr defaultColWidth="14.59765625" defaultRowHeight="20.100000000000001" customHeight="1" x14ac:dyDescent="0.2"/>
  <cols>
    <col min="1" max="1" width="14.59765625" style="1"/>
    <col min="2" max="2" width="12.59765625" style="1" customWidth="1"/>
    <col min="3" max="4" width="12.59765625" style="24" customWidth="1"/>
    <col min="5" max="5" width="17.09765625" style="24" customWidth="1"/>
    <col min="6" max="6" width="12.59765625" style="24" customWidth="1"/>
    <col min="7" max="9" width="12.59765625" style="1" customWidth="1"/>
    <col min="10" max="16384" width="14.59765625" style="1"/>
  </cols>
  <sheetData>
    <row r="1" spans="1:8" ht="20.100000000000001" customHeight="1" x14ac:dyDescent="0.2">
      <c r="A1" s="298" t="s">
        <v>246</v>
      </c>
      <c r="B1" s="224"/>
      <c r="C1" s="374"/>
      <c r="D1" s="374"/>
      <c r="E1" s="374"/>
      <c r="F1" s="374"/>
      <c r="G1" s="224"/>
      <c r="H1" s="224"/>
    </row>
    <row r="2" spans="1:8" ht="20.100000000000001" customHeight="1" x14ac:dyDescent="0.2">
      <c r="A2" s="224"/>
      <c r="B2" s="224"/>
      <c r="C2" s="374"/>
      <c r="D2" s="374"/>
      <c r="E2" s="374"/>
      <c r="F2" s="374"/>
      <c r="G2" s="224"/>
      <c r="H2" s="224"/>
    </row>
    <row r="3" spans="1:8" ht="20.100000000000001" customHeight="1" thickBot="1" x14ac:dyDescent="0.25">
      <c r="A3" s="224" t="s">
        <v>247</v>
      </c>
      <c r="B3" s="224"/>
      <c r="C3" s="374"/>
      <c r="D3" s="374"/>
      <c r="E3" s="374"/>
      <c r="F3" s="374"/>
      <c r="G3" s="224"/>
      <c r="H3" s="224"/>
    </row>
    <row r="4" spans="1:8" ht="29.4" thickBot="1" x14ac:dyDescent="0.25">
      <c r="A4" s="441" t="s">
        <v>65</v>
      </c>
      <c r="B4" s="441" t="s">
        <v>183</v>
      </c>
      <c r="C4" s="442" t="s">
        <v>248</v>
      </c>
      <c r="D4" s="425" t="s">
        <v>249</v>
      </c>
      <c r="E4" s="425" t="s">
        <v>250</v>
      </c>
      <c r="F4" s="352" t="s">
        <v>63</v>
      </c>
      <c r="G4" s="224"/>
      <c r="H4" s="224"/>
    </row>
    <row r="5" spans="1:8" ht="20.100000000000001" customHeight="1" thickTop="1" x14ac:dyDescent="0.2">
      <c r="A5" s="443" t="s">
        <v>86</v>
      </c>
      <c r="B5" s="620">
        <v>46</v>
      </c>
      <c r="C5" s="233">
        <v>2</v>
      </c>
      <c r="D5" s="610">
        <v>82</v>
      </c>
      <c r="E5" s="621">
        <v>1</v>
      </c>
      <c r="F5" s="622">
        <v>85</v>
      </c>
      <c r="G5" s="224"/>
      <c r="H5" s="224"/>
    </row>
    <row r="6" spans="1:8" ht="20.100000000000001" customHeight="1" x14ac:dyDescent="0.2">
      <c r="A6" s="444" t="s">
        <v>87</v>
      </c>
      <c r="B6" s="620">
        <v>67</v>
      </c>
      <c r="C6" s="233">
        <v>8</v>
      </c>
      <c r="D6" s="610">
        <v>91</v>
      </c>
      <c r="E6" s="623">
        <v>7</v>
      </c>
      <c r="F6" s="624">
        <v>106</v>
      </c>
      <c r="G6" s="224"/>
      <c r="H6" s="224"/>
    </row>
    <row r="7" spans="1:8" ht="20.100000000000001" customHeight="1" x14ac:dyDescent="0.2">
      <c r="A7" s="444" t="s">
        <v>88</v>
      </c>
      <c r="B7" s="620">
        <v>39</v>
      </c>
      <c r="C7" s="233">
        <v>16</v>
      </c>
      <c r="D7" s="610">
        <v>112</v>
      </c>
      <c r="E7" s="623">
        <v>0</v>
      </c>
      <c r="F7" s="624">
        <v>128</v>
      </c>
      <c r="G7" s="224"/>
      <c r="H7" s="224"/>
    </row>
    <row r="8" spans="1:8" ht="20.100000000000001" customHeight="1" x14ac:dyDescent="0.2">
      <c r="A8" s="444" t="s">
        <v>89</v>
      </c>
      <c r="B8" s="620">
        <v>22</v>
      </c>
      <c r="C8" s="233">
        <v>20</v>
      </c>
      <c r="D8" s="610">
        <v>139</v>
      </c>
      <c r="E8" s="623">
        <v>15</v>
      </c>
      <c r="F8" s="624">
        <v>174</v>
      </c>
      <c r="G8" s="224"/>
      <c r="H8" s="224"/>
    </row>
    <row r="9" spans="1:8" ht="20.100000000000001" customHeight="1" x14ac:dyDescent="0.2">
      <c r="A9" s="444" t="s">
        <v>90</v>
      </c>
      <c r="B9" s="620">
        <v>15</v>
      </c>
      <c r="C9" s="233">
        <v>34</v>
      </c>
      <c r="D9" s="610">
        <v>182</v>
      </c>
      <c r="E9" s="623">
        <v>2</v>
      </c>
      <c r="F9" s="624">
        <v>218</v>
      </c>
      <c r="G9" s="224"/>
      <c r="H9" s="224"/>
    </row>
    <row r="10" spans="1:8" ht="20.100000000000001" customHeight="1" thickBot="1" x14ac:dyDescent="0.25">
      <c r="A10" s="445" t="s">
        <v>10</v>
      </c>
      <c r="B10" s="625">
        <v>20</v>
      </c>
      <c r="C10" s="245">
        <v>151</v>
      </c>
      <c r="D10" s="602">
        <v>522</v>
      </c>
      <c r="E10" s="626">
        <v>64</v>
      </c>
      <c r="F10" s="627">
        <v>737</v>
      </c>
      <c r="G10" s="224"/>
      <c r="H10" s="224"/>
    </row>
    <row r="11" spans="1:8" ht="20.100000000000001" customHeight="1" thickTop="1" thickBot="1" x14ac:dyDescent="0.25">
      <c r="A11" s="446" t="s">
        <v>63</v>
      </c>
      <c r="B11" s="628">
        <v>209</v>
      </c>
      <c r="C11" s="629">
        <v>231</v>
      </c>
      <c r="D11" s="630">
        <v>1128</v>
      </c>
      <c r="E11" s="630">
        <v>89</v>
      </c>
      <c r="F11" s="631">
        <v>1448</v>
      </c>
      <c r="G11" s="224"/>
      <c r="H11" s="224"/>
    </row>
    <row r="12" spans="1:8" ht="20.100000000000001" customHeight="1" x14ac:dyDescent="0.2">
      <c r="A12" s="224"/>
      <c r="B12" s="447"/>
      <c r="C12" s="374"/>
      <c r="D12" s="374"/>
      <c r="E12" s="374"/>
      <c r="F12" s="374"/>
      <c r="G12" s="224"/>
      <c r="H12" s="224"/>
    </row>
    <row r="13" spans="1:8" ht="20.100000000000001" customHeight="1" thickBot="1" x14ac:dyDescent="0.25">
      <c r="A13" s="224" t="s">
        <v>120</v>
      </c>
      <c r="B13" s="224"/>
      <c r="C13" s="374"/>
      <c r="D13" s="374"/>
      <c r="E13" s="374"/>
      <c r="F13" s="374"/>
      <c r="G13" s="224"/>
      <c r="H13" s="224"/>
    </row>
    <row r="14" spans="1:8" ht="29.4" thickBot="1" x14ac:dyDescent="0.25">
      <c r="A14" s="441" t="s">
        <v>134</v>
      </c>
      <c r="B14" s="441" t="s">
        <v>183</v>
      </c>
      <c r="C14" s="442" t="s">
        <v>248</v>
      </c>
      <c r="D14" s="425" t="s">
        <v>249</v>
      </c>
      <c r="E14" s="425" t="s">
        <v>250</v>
      </c>
      <c r="F14" s="352" t="s">
        <v>63</v>
      </c>
      <c r="G14" s="224"/>
      <c r="H14" s="224"/>
    </row>
    <row r="15" spans="1:8" ht="20.100000000000001" customHeight="1" thickTop="1" x14ac:dyDescent="0.2">
      <c r="A15" s="443" t="s">
        <v>39</v>
      </c>
      <c r="B15" s="620">
        <v>81</v>
      </c>
      <c r="C15" s="233">
        <v>99</v>
      </c>
      <c r="D15" s="610">
        <v>523</v>
      </c>
      <c r="E15" s="621">
        <v>26</v>
      </c>
      <c r="F15" s="622">
        <v>648</v>
      </c>
      <c r="G15" s="224"/>
      <c r="H15" s="224"/>
    </row>
    <row r="16" spans="1:8" ht="20.100000000000001" customHeight="1" x14ac:dyDescent="0.2">
      <c r="A16" s="443" t="s">
        <v>40</v>
      </c>
      <c r="B16" s="620">
        <v>28</v>
      </c>
      <c r="C16" s="233">
        <v>27</v>
      </c>
      <c r="D16" s="610">
        <v>185</v>
      </c>
      <c r="E16" s="623">
        <v>48</v>
      </c>
      <c r="F16" s="624">
        <v>260</v>
      </c>
      <c r="G16" s="224"/>
      <c r="H16" s="224"/>
    </row>
    <row r="17" spans="1:8" ht="20.100000000000001" customHeight="1" x14ac:dyDescent="0.2">
      <c r="A17" s="443" t="s">
        <v>41</v>
      </c>
      <c r="B17" s="620">
        <v>21</v>
      </c>
      <c r="C17" s="233">
        <v>32</v>
      </c>
      <c r="D17" s="610">
        <v>78</v>
      </c>
      <c r="E17" s="623">
        <v>1</v>
      </c>
      <c r="F17" s="624">
        <v>111</v>
      </c>
      <c r="G17" s="224"/>
      <c r="H17" s="224"/>
    </row>
    <row r="18" spans="1:8" ht="20.100000000000001" customHeight="1" x14ac:dyDescent="0.2">
      <c r="A18" s="443" t="s">
        <v>42</v>
      </c>
      <c r="B18" s="620">
        <v>20</v>
      </c>
      <c r="C18" s="233">
        <v>10</v>
      </c>
      <c r="D18" s="592">
        <v>84</v>
      </c>
      <c r="E18" s="632">
        <v>13</v>
      </c>
      <c r="F18" s="624">
        <v>107</v>
      </c>
      <c r="G18" s="224"/>
      <c r="H18" s="224"/>
    </row>
    <row r="19" spans="1:8" ht="20.100000000000001" customHeight="1" x14ac:dyDescent="0.2">
      <c r="A19" s="444" t="s">
        <v>43</v>
      </c>
      <c r="B19" s="620">
        <v>12</v>
      </c>
      <c r="C19" s="633">
        <v>30</v>
      </c>
      <c r="D19" s="610">
        <v>33</v>
      </c>
      <c r="E19" s="623">
        <v>0</v>
      </c>
      <c r="F19" s="624">
        <v>63</v>
      </c>
      <c r="G19" s="448"/>
      <c r="H19" s="224"/>
    </row>
    <row r="20" spans="1:8" ht="20.100000000000001" customHeight="1" x14ac:dyDescent="0.2">
      <c r="A20" s="444" t="s">
        <v>44</v>
      </c>
      <c r="B20" s="620">
        <v>14</v>
      </c>
      <c r="C20" s="233">
        <v>27</v>
      </c>
      <c r="D20" s="610">
        <v>142</v>
      </c>
      <c r="E20" s="623">
        <v>0</v>
      </c>
      <c r="F20" s="624">
        <v>169</v>
      </c>
      <c r="G20" s="448"/>
      <c r="H20" s="224"/>
    </row>
    <row r="21" spans="1:8" ht="20.100000000000001" customHeight="1" x14ac:dyDescent="0.2">
      <c r="A21" s="444" t="s">
        <v>45</v>
      </c>
      <c r="B21" s="620">
        <v>21</v>
      </c>
      <c r="C21" s="233">
        <v>2</v>
      </c>
      <c r="D21" s="610">
        <v>43</v>
      </c>
      <c r="E21" s="623">
        <v>1</v>
      </c>
      <c r="F21" s="624">
        <v>46</v>
      </c>
      <c r="G21" s="448"/>
      <c r="H21" s="224"/>
    </row>
    <row r="22" spans="1:8" ht="20.100000000000001" customHeight="1" thickBot="1" x14ac:dyDescent="0.25">
      <c r="A22" s="445" t="s">
        <v>46</v>
      </c>
      <c r="B22" s="620">
        <v>12</v>
      </c>
      <c r="C22" s="233">
        <v>4</v>
      </c>
      <c r="D22" s="601">
        <v>40</v>
      </c>
      <c r="E22" s="632">
        <v>0</v>
      </c>
      <c r="F22" s="627">
        <v>44</v>
      </c>
      <c r="G22" s="448"/>
      <c r="H22" s="224"/>
    </row>
    <row r="23" spans="1:8" ht="20.100000000000001" customHeight="1" thickTop="1" thickBot="1" x14ac:dyDescent="0.25">
      <c r="A23" s="446" t="s">
        <v>63</v>
      </c>
      <c r="B23" s="628">
        <v>209</v>
      </c>
      <c r="C23" s="629">
        <v>231</v>
      </c>
      <c r="D23" s="634">
        <v>1128</v>
      </c>
      <c r="E23" s="635">
        <v>89</v>
      </c>
      <c r="F23" s="636">
        <v>1448</v>
      </c>
      <c r="G23" s="224"/>
      <c r="H23" s="224"/>
    </row>
  </sheetData>
  <phoneticPr fontId="1"/>
  <pageMargins left="1.0236220472440944" right="0.23622047244094491" top="0.74803149606299213" bottom="0.55118110236220474" header="0.31496062992125984" footer="0.31496062992125984"/>
  <pageSetup paperSize="9" scale="70" orientation="landscape" r:id="rId1"/>
  <headerFooter>
    <oddFooter>&amp;C&amp;P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dimension ref="A1:L82"/>
  <sheetViews>
    <sheetView view="pageBreakPreview" zoomScale="80" zoomScaleNormal="80" zoomScaleSheetLayoutView="80" workbookViewId="0"/>
  </sheetViews>
  <sheetFormatPr defaultColWidth="14.59765625" defaultRowHeight="20.100000000000001" customHeight="1" x14ac:dyDescent="0.2"/>
  <cols>
    <col min="1" max="1" width="14.59765625" style="153" customWidth="1"/>
    <col min="2" max="2" width="14.59765625" style="153"/>
    <col min="3" max="11" width="14.59765625" style="153" customWidth="1"/>
    <col min="12" max="16384" width="14.59765625" style="153"/>
  </cols>
  <sheetData>
    <row r="1" spans="1:12" ht="20.100000000000001" customHeight="1" x14ac:dyDescent="0.2">
      <c r="A1" s="449" t="s">
        <v>251</v>
      </c>
      <c r="B1" s="449"/>
      <c r="C1" s="450"/>
      <c r="D1" s="450"/>
      <c r="E1" s="450"/>
      <c r="F1" s="450"/>
      <c r="G1" s="450"/>
      <c r="H1" s="450"/>
      <c r="I1" s="450"/>
      <c r="J1" s="450"/>
      <c r="K1" s="450"/>
      <c r="L1" s="450"/>
    </row>
    <row r="2" spans="1:12" ht="12" customHeight="1" x14ac:dyDescent="0.2">
      <c r="A2" s="451"/>
      <c r="B2" s="451"/>
      <c r="C2" s="450"/>
      <c r="D2" s="450"/>
      <c r="E2" s="450"/>
      <c r="F2" s="450"/>
      <c r="G2" s="450"/>
      <c r="H2" s="450"/>
      <c r="I2" s="450"/>
      <c r="J2" s="450"/>
      <c r="K2" s="450"/>
      <c r="L2" s="450"/>
    </row>
    <row r="3" spans="1:12" ht="20.100000000000001" customHeight="1" thickBot="1" x14ac:dyDescent="0.25">
      <c r="A3" s="450" t="s">
        <v>177</v>
      </c>
      <c r="B3" s="450"/>
      <c r="C3" s="450"/>
      <c r="D3" s="450"/>
      <c r="E3" s="450"/>
      <c r="F3" s="450"/>
      <c r="G3" s="450" t="s">
        <v>175</v>
      </c>
      <c r="H3" s="450"/>
      <c r="I3" s="450"/>
      <c r="J3" s="450"/>
      <c r="K3" s="450"/>
      <c r="L3" s="450"/>
    </row>
    <row r="4" spans="1:12" ht="24.6" customHeight="1" thickBot="1" x14ac:dyDescent="0.25">
      <c r="A4" s="452" t="s">
        <v>65</v>
      </c>
      <c r="B4" s="453" t="s">
        <v>187</v>
      </c>
      <c r="C4" s="454" t="s">
        <v>192</v>
      </c>
      <c r="D4" s="455" t="s">
        <v>188</v>
      </c>
      <c r="E4" s="456" t="s">
        <v>284</v>
      </c>
      <c r="F4" s="457"/>
      <c r="G4" s="452" t="s">
        <v>139</v>
      </c>
      <c r="H4" s="453" t="s">
        <v>187</v>
      </c>
      <c r="I4" s="454" t="s">
        <v>192</v>
      </c>
      <c r="J4" s="455" t="s">
        <v>188</v>
      </c>
      <c r="K4" s="456" t="s">
        <v>284</v>
      </c>
      <c r="L4" s="450"/>
    </row>
    <row r="5" spans="1:12" ht="20.100000000000001" customHeight="1" thickTop="1" x14ac:dyDescent="0.2">
      <c r="A5" s="458" t="s">
        <v>82</v>
      </c>
      <c r="B5" s="637">
        <v>46</v>
      </c>
      <c r="C5" s="640">
        <v>2</v>
      </c>
      <c r="D5" s="648">
        <v>4.3478260869565216E-2</v>
      </c>
      <c r="E5" s="645">
        <v>3</v>
      </c>
      <c r="F5" s="460"/>
      <c r="G5" s="461" t="s">
        <v>77</v>
      </c>
      <c r="H5" s="459">
        <v>81</v>
      </c>
      <c r="I5" s="462">
        <v>36</v>
      </c>
      <c r="J5" s="158">
        <v>0.44444444444444442</v>
      </c>
      <c r="K5" s="649">
        <v>264</v>
      </c>
      <c r="L5" s="450"/>
    </row>
    <row r="6" spans="1:12" ht="20.100000000000001" customHeight="1" x14ac:dyDescent="0.2">
      <c r="A6" s="463" t="s">
        <v>95</v>
      </c>
      <c r="B6" s="638">
        <v>67</v>
      </c>
      <c r="C6" s="641">
        <v>16</v>
      </c>
      <c r="D6" s="613">
        <v>0.23880597014925373</v>
      </c>
      <c r="E6" s="646">
        <v>38</v>
      </c>
      <c r="F6" s="460"/>
      <c r="G6" s="463" t="s">
        <v>78</v>
      </c>
      <c r="H6" s="464">
        <v>28</v>
      </c>
      <c r="I6" s="465">
        <v>13</v>
      </c>
      <c r="J6" s="52">
        <v>0.4642857142857143</v>
      </c>
      <c r="K6" s="532">
        <v>93</v>
      </c>
      <c r="L6" s="450"/>
    </row>
    <row r="7" spans="1:12" ht="20.100000000000001" customHeight="1" x14ac:dyDescent="0.2">
      <c r="A7" s="463" t="s">
        <v>96</v>
      </c>
      <c r="B7" s="638">
        <v>39</v>
      </c>
      <c r="C7" s="641">
        <v>17</v>
      </c>
      <c r="D7" s="613">
        <v>0.4358974358974359</v>
      </c>
      <c r="E7" s="646">
        <v>70</v>
      </c>
      <c r="F7" s="460"/>
      <c r="G7" s="463" t="s">
        <v>0</v>
      </c>
      <c r="H7" s="464">
        <v>21</v>
      </c>
      <c r="I7" s="465">
        <v>4</v>
      </c>
      <c r="J7" s="52">
        <v>0.19047619047619047</v>
      </c>
      <c r="K7" s="532">
        <v>64</v>
      </c>
      <c r="L7" s="450"/>
    </row>
    <row r="8" spans="1:12" ht="20.100000000000001" customHeight="1" x14ac:dyDescent="0.2">
      <c r="A8" s="463" t="s">
        <v>97</v>
      </c>
      <c r="B8" s="638">
        <v>22</v>
      </c>
      <c r="C8" s="641">
        <v>15</v>
      </c>
      <c r="D8" s="613">
        <v>0.68181818181818177</v>
      </c>
      <c r="E8" s="646">
        <v>72</v>
      </c>
      <c r="F8" s="460"/>
      <c r="G8" s="463" t="s">
        <v>3</v>
      </c>
      <c r="H8" s="464">
        <v>20</v>
      </c>
      <c r="I8" s="465">
        <v>7</v>
      </c>
      <c r="J8" s="52">
        <v>0.35</v>
      </c>
      <c r="K8" s="532">
        <v>42</v>
      </c>
      <c r="L8" s="450"/>
    </row>
    <row r="9" spans="1:12" ht="20.100000000000001" customHeight="1" x14ac:dyDescent="0.2">
      <c r="A9" s="463" t="s">
        <v>83</v>
      </c>
      <c r="B9" s="638">
        <v>15</v>
      </c>
      <c r="C9" s="641">
        <v>13</v>
      </c>
      <c r="D9" s="613">
        <v>0.8666666666666667</v>
      </c>
      <c r="E9" s="646">
        <v>82</v>
      </c>
      <c r="F9" s="460"/>
      <c r="G9" s="463" t="s">
        <v>1</v>
      </c>
      <c r="H9" s="464">
        <v>12</v>
      </c>
      <c r="I9" s="465">
        <v>3</v>
      </c>
      <c r="J9" s="52">
        <v>0.25</v>
      </c>
      <c r="K9" s="532">
        <v>14</v>
      </c>
      <c r="L9" s="450"/>
    </row>
    <row r="10" spans="1:12" ht="20.100000000000001" customHeight="1" thickBot="1" x14ac:dyDescent="0.25">
      <c r="A10" s="466" t="s">
        <v>98</v>
      </c>
      <c r="B10" s="639">
        <v>20</v>
      </c>
      <c r="C10" s="642">
        <v>19</v>
      </c>
      <c r="D10" s="614">
        <v>0.95</v>
      </c>
      <c r="E10" s="647">
        <v>293</v>
      </c>
      <c r="F10" s="460"/>
      <c r="G10" s="463" t="s">
        <v>2</v>
      </c>
      <c r="H10" s="464">
        <v>14</v>
      </c>
      <c r="I10" s="465">
        <v>8</v>
      </c>
      <c r="J10" s="52">
        <v>0.5714285714285714</v>
      </c>
      <c r="K10" s="532">
        <v>43</v>
      </c>
      <c r="L10" s="450"/>
    </row>
    <row r="11" spans="1:12" ht="20.100000000000001" customHeight="1" thickTop="1" thickBot="1" x14ac:dyDescent="0.25">
      <c r="A11" s="467" t="s">
        <v>63</v>
      </c>
      <c r="B11" s="643">
        <v>209</v>
      </c>
      <c r="C11" s="643">
        <v>82</v>
      </c>
      <c r="D11" s="43">
        <v>0.3923444976076555</v>
      </c>
      <c r="E11" s="644">
        <v>558</v>
      </c>
      <c r="F11" s="468"/>
      <c r="G11" s="463" t="s">
        <v>5</v>
      </c>
      <c r="H11" s="464">
        <v>21</v>
      </c>
      <c r="I11" s="465">
        <v>6</v>
      </c>
      <c r="J11" s="52">
        <v>0.2857142857142857</v>
      </c>
      <c r="K11" s="532">
        <v>10</v>
      </c>
      <c r="L11" s="450"/>
    </row>
    <row r="12" spans="1:12" ht="19.649999999999999" customHeight="1" thickBot="1" x14ac:dyDescent="0.25">
      <c r="A12" s="469"/>
      <c r="B12" s="469"/>
      <c r="C12" s="468"/>
      <c r="D12" s="468"/>
      <c r="E12" s="468"/>
      <c r="F12" s="468"/>
      <c r="G12" s="466" t="s">
        <v>4</v>
      </c>
      <c r="H12" s="470">
        <v>12</v>
      </c>
      <c r="I12" s="471">
        <v>5</v>
      </c>
      <c r="J12" s="56">
        <v>0.41666666666666669</v>
      </c>
      <c r="K12" s="534">
        <v>28</v>
      </c>
      <c r="L12" s="450"/>
    </row>
    <row r="13" spans="1:12" ht="19.350000000000001" customHeight="1" thickTop="1" thickBot="1" x14ac:dyDescent="0.25">
      <c r="A13" s="450"/>
      <c r="B13" s="450"/>
      <c r="C13" s="450"/>
      <c r="D13" s="450"/>
      <c r="E13" s="450"/>
      <c r="F13" s="450"/>
      <c r="G13" s="472" t="s">
        <v>99</v>
      </c>
      <c r="H13" s="473">
        <v>209</v>
      </c>
      <c r="I13" s="474">
        <v>82</v>
      </c>
      <c r="J13" s="159">
        <v>0.3923444976076555</v>
      </c>
      <c r="K13" s="475">
        <v>558</v>
      </c>
      <c r="L13" s="450"/>
    </row>
    <row r="14" spans="1:12" ht="20.100000000000001" customHeight="1" thickBot="1" x14ac:dyDescent="0.25">
      <c r="A14" s="450" t="s">
        <v>312</v>
      </c>
      <c r="B14" s="450"/>
      <c r="C14" s="450"/>
      <c r="D14" s="450"/>
      <c r="E14" s="450"/>
      <c r="F14" s="450"/>
      <c r="G14" s="450"/>
      <c r="H14" s="450"/>
      <c r="I14" s="450"/>
      <c r="J14" s="450"/>
      <c r="K14" s="450"/>
      <c r="L14" s="450"/>
    </row>
    <row r="15" spans="1:12" ht="20.100000000000001" customHeight="1" thickBot="1" x14ac:dyDescent="0.25">
      <c r="A15" s="476" t="s">
        <v>193</v>
      </c>
      <c r="B15" s="477"/>
      <c r="C15" s="477"/>
      <c r="D15" s="478"/>
      <c r="E15" s="479" t="s">
        <v>93</v>
      </c>
      <c r="F15" s="450"/>
      <c r="G15" s="450"/>
      <c r="H15" s="450"/>
      <c r="I15" s="450"/>
      <c r="J15" s="450"/>
      <c r="K15" s="450"/>
      <c r="L15" s="450"/>
    </row>
    <row r="16" spans="1:12" ht="20.100000000000001" customHeight="1" thickTop="1" x14ac:dyDescent="0.2">
      <c r="A16" s="480" t="s">
        <v>285</v>
      </c>
      <c r="B16" s="481"/>
      <c r="C16" s="482"/>
      <c r="D16" s="482"/>
      <c r="E16" s="483">
        <v>140</v>
      </c>
      <c r="F16" s="450"/>
      <c r="G16" s="450"/>
      <c r="H16" s="450"/>
      <c r="I16" s="450"/>
      <c r="J16" s="450"/>
      <c r="K16" s="450"/>
      <c r="L16" s="450"/>
    </row>
    <row r="17" spans="1:12" ht="20.100000000000001" customHeight="1" x14ac:dyDescent="0.2">
      <c r="A17" s="484" t="s">
        <v>286</v>
      </c>
      <c r="B17" s="485"/>
      <c r="C17" s="485"/>
      <c r="D17" s="485"/>
      <c r="E17" s="486">
        <v>214</v>
      </c>
      <c r="F17" s="450"/>
      <c r="G17" s="450"/>
      <c r="H17" s="450"/>
      <c r="I17" s="450"/>
      <c r="J17" s="450"/>
      <c r="K17" s="450"/>
      <c r="L17" s="450"/>
    </row>
    <row r="18" spans="1:12" ht="20.100000000000001" customHeight="1" x14ac:dyDescent="0.2">
      <c r="A18" s="484" t="s">
        <v>287</v>
      </c>
      <c r="B18" s="485"/>
      <c r="C18" s="485"/>
      <c r="D18" s="485"/>
      <c r="E18" s="486">
        <v>119</v>
      </c>
      <c r="F18" s="450"/>
      <c r="G18" s="450"/>
      <c r="H18" s="450"/>
      <c r="I18" s="450"/>
      <c r="J18" s="450"/>
      <c r="K18" s="450"/>
      <c r="L18" s="450"/>
    </row>
    <row r="19" spans="1:12" ht="20.100000000000001" customHeight="1" x14ac:dyDescent="0.2">
      <c r="A19" s="484" t="s">
        <v>288</v>
      </c>
      <c r="B19" s="485"/>
      <c r="C19" s="485"/>
      <c r="D19" s="485"/>
      <c r="E19" s="486">
        <v>46</v>
      </c>
      <c r="F19" s="450"/>
      <c r="G19" s="450"/>
      <c r="H19" s="450"/>
      <c r="I19" s="450"/>
      <c r="J19" s="450"/>
      <c r="K19" s="450"/>
      <c r="L19" s="450"/>
    </row>
    <row r="20" spans="1:12" ht="20.100000000000001" customHeight="1" x14ac:dyDescent="0.2">
      <c r="A20" s="484" t="s">
        <v>289</v>
      </c>
      <c r="B20" s="485"/>
      <c r="C20" s="485"/>
      <c r="D20" s="485"/>
      <c r="E20" s="486">
        <v>42</v>
      </c>
      <c r="F20" s="450"/>
      <c r="G20" s="450"/>
      <c r="H20" s="450"/>
      <c r="I20" s="450"/>
      <c r="J20" s="450"/>
      <c r="K20" s="450"/>
      <c r="L20" s="450"/>
    </row>
    <row r="21" spans="1:12" ht="20.100000000000001" customHeight="1" x14ac:dyDescent="0.2">
      <c r="A21" s="484" t="s">
        <v>290</v>
      </c>
      <c r="B21" s="485"/>
      <c r="C21" s="485"/>
      <c r="D21" s="485"/>
      <c r="E21" s="486">
        <v>55</v>
      </c>
      <c r="F21" s="450"/>
      <c r="G21" s="450"/>
      <c r="H21" s="450"/>
      <c r="I21" s="450"/>
      <c r="J21" s="450"/>
      <c r="K21" s="450"/>
      <c r="L21" s="450"/>
    </row>
    <row r="22" spans="1:12" ht="20.100000000000001" customHeight="1" x14ac:dyDescent="0.2">
      <c r="A22" s="484" t="s">
        <v>291</v>
      </c>
      <c r="B22" s="485"/>
      <c r="C22" s="485"/>
      <c r="D22" s="485"/>
      <c r="E22" s="486">
        <v>89</v>
      </c>
      <c r="F22" s="450"/>
      <c r="G22" s="450"/>
      <c r="H22" s="450"/>
      <c r="I22" s="450"/>
      <c r="J22" s="450"/>
      <c r="K22" s="450"/>
      <c r="L22" s="450"/>
    </row>
    <row r="23" spans="1:12" ht="20.100000000000001" customHeight="1" x14ac:dyDescent="0.2">
      <c r="A23" s="484" t="s">
        <v>292</v>
      </c>
      <c r="B23" s="485"/>
      <c r="C23" s="485"/>
      <c r="D23" s="485"/>
      <c r="E23" s="486">
        <v>66</v>
      </c>
      <c r="F23" s="450"/>
      <c r="G23" s="450"/>
      <c r="H23" s="450"/>
      <c r="I23" s="450"/>
      <c r="J23" s="450"/>
      <c r="K23" s="450"/>
      <c r="L23" s="450"/>
    </row>
    <row r="24" spans="1:12" ht="20.100000000000001" customHeight="1" x14ac:dyDescent="0.2">
      <c r="A24" s="487" t="s">
        <v>293</v>
      </c>
      <c r="B24" s="488"/>
      <c r="C24" s="489"/>
      <c r="D24" s="489"/>
      <c r="E24" s="486">
        <v>135</v>
      </c>
      <c r="F24" s="450"/>
      <c r="G24" s="450"/>
      <c r="H24" s="450"/>
      <c r="I24" s="450"/>
      <c r="J24" s="450"/>
      <c r="K24" s="450"/>
      <c r="L24" s="450"/>
    </row>
    <row r="25" spans="1:12" ht="20.100000000000001" customHeight="1" x14ac:dyDescent="0.2">
      <c r="A25" s="487" t="s">
        <v>313</v>
      </c>
      <c r="B25" s="488"/>
      <c r="C25" s="489"/>
      <c r="D25" s="489"/>
      <c r="E25" s="486">
        <v>106</v>
      </c>
      <c r="F25" s="282"/>
      <c r="G25" s="282"/>
      <c r="H25" s="282"/>
      <c r="I25" s="282"/>
      <c r="J25" s="490"/>
      <c r="K25" s="490"/>
      <c r="L25" s="450"/>
    </row>
    <row r="26" spans="1:12" ht="20.100000000000001" customHeight="1" x14ac:dyDescent="0.2">
      <c r="A26" s="484" t="s">
        <v>294</v>
      </c>
      <c r="B26" s="485"/>
      <c r="C26" s="485"/>
      <c r="D26" s="485"/>
      <c r="E26" s="486">
        <v>166</v>
      </c>
      <c r="F26" s="282"/>
      <c r="G26" s="282"/>
      <c r="H26" s="282"/>
      <c r="I26" s="282"/>
      <c r="J26" s="490"/>
      <c r="K26" s="490"/>
      <c r="L26" s="450"/>
    </row>
    <row r="27" spans="1:12" ht="20.100000000000001" customHeight="1" x14ac:dyDescent="0.2">
      <c r="A27" s="484" t="s">
        <v>295</v>
      </c>
      <c r="B27" s="485"/>
      <c r="C27" s="485"/>
      <c r="D27" s="485"/>
      <c r="E27" s="486">
        <v>122</v>
      </c>
      <c r="F27" s="282"/>
      <c r="G27" s="282"/>
      <c r="H27" s="282"/>
      <c r="I27" s="282"/>
      <c r="J27" s="490"/>
      <c r="K27" s="490"/>
      <c r="L27" s="450"/>
    </row>
    <row r="28" spans="1:12" ht="20.100000000000001" customHeight="1" x14ac:dyDescent="0.2">
      <c r="A28" s="484" t="s">
        <v>296</v>
      </c>
      <c r="B28" s="485"/>
      <c r="C28" s="485"/>
      <c r="D28" s="485"/>
      <c r="E28" s="486">
        <v>210</v>
      </c>
      <c r="F28" s="282"/>
      <c r="G28" s="282"/>
      <c r="H28" s="282"/>
      <c r="I28" s="282"/>
      <c r="J28" s="490"/>
      <c r="K28" s="490"/>
      <c r="L28" s="450"/>
    </row>
    <row r="29" spans="1:12" ht="20.100000000000001" customHeight="1" x14ac:dyDescent="0.2">
      <c r="A29" s="484" t="s">
        <v>297</v>
      </c>
      <c r="B29" s="485"/>
      <c r="C29" s="485"/>
      <c r="D29" s="485"/>
      <c r="E29" s="486">
        <v>60</v>
      </c>
      <c r="F29" s="282"/>
      <c r="G29" s="282"/>
      <c r="H29" s="282"/>
      <c r="I29" s="282"/>
      <c r="J29" s="490"/>
      <c r="K29" s="490"/>
      <c r="L29" s="450"/>
    </row>
    <row r="30" spans="1:12" ht="20.100000000000001" customHeight="1" x14ac:dyDescent="0.2">
      <c r="A30" s="484" t="s">
        <v>298</v>
      </c>
      <c r="B30" s="485"/>
      <c r="C30" s="485"/>
      <c r="D30" s="485"/>
      <c r="E30" s="486">
        <v>465</v>
      </c>
      <c r="F30" s="282"/>
      <c r="G30" s="282"/>
      <c r="H30" s="282"/>
      <c r="I30" s="282"/>
      <c r="J30" s="490"/>
      <c r="K30" s="490"/>
      <c r="L30" s="450"/>
    </row>
    <row r="31" spans="1:12" ht="20.100000000000001" customHeight="1" x14ac:dyDescent="0.2">
      <c r="A31" s="484" t="s">
        <v>299</v>
      </c>
      <c r="B31" s="485"/>
      <c r="C31" s="485"/>
      <c r="D31" s="485"/>
      <c r="E31" s="486">
        <v>99</v>
      </c>
      <c r="F31" s="282"/>
      <c r="G31" s="282"/>
      <c r="H31" s="282"/>
      <c r="I31" s="282"/>
      <c r="J31" s="490"/>
      <c r="K31" s="490"/>
      <c r="L31" s="450"/>
    </row>
    <row r="32" spans="1:12" ht="20.100000000000001" customHeight="1" x14ac:dyDescent="0.2">
      <c r="A32" s="484" t="s">
        <v>300</v>
      </c>
      <c r="B32" s="485"/>
      <c r="C32" s="485"/>
      <c r="D32" s="485"/>
      <c r="E32" s="486">
        <v>176</v>
      </c>
      <c r="F32" s="282"/>
      <c r="G32" s="282"/>
      <c r="H32" s="282"/>
      <c r="I32" s="282"/>
      <c r="J32" s="490"/>
      <c r="K32" s="490"/>
      <c r="L32" s="450"/>
    </row>
    <row r="33" spans="1:12" ht="20.100000000000001" customHeight="1" x14ac:dyDescent="0.2">
      <c r="A33" s="484" t="s">
        <v>301</v>
      </c>
      <c r="B33" s="485"/>
      <c r="C33" s="485"/>
      <c r="D33" s="485"/>
      <c r="E33" s="486">
        <v>98</v>
      </c>
      <c r="F33" s="282"/>
      <c r="G33" s="282"/>
      <c r="H33" s="282"/>
      <c r="I33" s="282"/>
      <c r="J33" s="490"/>
      <c r="K33" s="490"/>
      <c r="L33" s="450"/>
    </row>
    <row r="34" spans="1:12" ht="20.100000000000001" customHeight="1" x14ac:dyDescent="0.2">
      <c r="A34" s="484" t="s">
        <v>302</v>
      </c>
      <c r="B34" s="485"/>
      <c r="C34" s="485"/>
      <c r="D34" s="485"/>
      <c r="E34" s="486">
        <v>167</v>
      </c>
      <c r="F34" s="282"/>
      <c r="G34" s="282"/>
      <c r="H34" s="282"/>
      <c r="I34" s="282"/>
      <c r="J34" s="490"/>
      <c r="K34" s="490"/>
      <c r="L34" s="450"/>
    </row>
    <row r="35" spans="1:12" ht="20.100000000000001" customHeight="1" x14ac:dyDescent="0.2">
      <c r="A35" s="484" t="s">
        <v>303</v>
      </c>
      <c r="B35" s="485"/>
      <c r="C35" s="485"/>
      <c r="D35" s="485"/>
      <c r="E35" s="486">
        <v>94</v>
      </c>
      <c r="F35" s="282"/>
      <c r="G35" s="282"/>
      <c r="H35" s="282"/>
      <c r="I35" s="282"/>
      <c r="J35" s="490"/>
      <c r="K35" s="490"/>
      <c r="L35" s="450"/>
    </row>
    <row r="36" spans="1:12" ht="20.100000000000001" customHeight="1" thickBot="1" x14ac:dyDescent="0.25">
      <c r="A36" s="491" t="s">
        <v>304</v>
      </c>
      <c r="B36" s="492"/>
      <c r="C36" s="492"/>
      <c r="D36" s="492"/>
      <c r="E36" s="493">
        <v>58</v>
      </c>
      <c r="F36" s="282"/>
      <c r="G36" s="282"/>
      <c r="H36" s="282"/>
      <c r="I36" s="282"/>
      <c r="J36" s="490"/>
      <c r="K36" s="490"/>
      <c r="L36" s="450"/>
    </row>
    <row r="37" spans="1:12" ht="20.100000000000001" customHeight="1" thickTop="1" thickBot="1" x14ac:dyDescent="0.25">
      <c r="A37" s="494"/>
      <c r="B37" s="495"/>
      <c r="C37" s="495"/>
      <c r="D37" s="496" t="s">
        <v>194</v>
      </c>
      <c r="E37" s="154">
        <v>2727</v>
      </c>
      <c r="F37" s="282"/>
      <c r="G37" s="282"/>
      <c r="H37" s="282"/>
      <c r="I37" s="282"/>
      <c r="J37" s="490"/>
      <c r="K37" s="490"/>
      <c r="L37" s="450"/>
    </row>
    <row r="38" spans="1:12" ht="20.100000000000001" customHeight="1" thickBot="1" x14ac:dyDescent="0.25">
      <c r="A38" s="497" t="s">
        <v>305</v>
      </c>
      <c r="B38" s="477"/>
      <c r="C38" s="477"/>
      <c r="D38" s="478"/>
      <c r="E38" s="479" t="s">
        <v>93</v>
      </c>
      <c r="F38" s="282"/>
      <c r="G38" s="282"/>
      <c r="H38" s="282"/>
      <c r="I38" s="282"/>
      <c r="J38" s="490"/>
      <c r="K38" s="490"/>
      <c r="L38" s="450"/>
    </row>
    <row r="39" spans="1:12" ht="20.100000000000001" customHeight="1" thickTop="1" x14ac:dyDescent="0.2">
      <c r="A39" s="480" t="s">
        <v>306</v>
      </c>
      <c r="B39" s="481"/>
      <c r="C39" s="482"/>
      <c r="D39" s="482"/>
      <c r="E39" s="483">
        <v>7</v>
      </c>
      <c r="F39" s="282"/>
      <c r="G39" s="282"/>
      <c r="H39" s="282"/>
      <c r="I39" s="282"/>
      <c r="J39" s="490"/>
      <c r="K39" s="490"/>
      <c r="L39" s="450"/>
    </row>
    <row r="40" spans="1:12" ht="20.100000000000001" customHeight="1" x14ac:dyDescent="0.2">
      <c r="A40" s="484" t="s">
        <v>307</v>
      </c>
      <c r="B40" s="485"/>
      <c r="C40" s="485"/>
      <c r="D40" s="485"/>
      <c r="E40" s="486">
        <v>14</v>
      </c>
      <c r="F40" s="282"/>
      <c r="G40" s="282"/>
      <c r="H40" s="282"/>
      <c r="I40" s="282"/>
      <c r="J40" s="490"/>
      <c r="K40" s="490"/>
      <c r="L40" s="450"/>
    </row>
    <row r="41" spans="1:12" ht="20.100000000000001" customHeight="1" x14ac:dyDescent="0.2">
      <c r="A41" s="484" t="s">
        <v>308</v>
      </c>
      <c r="B41" s="485"/>
      <c r="C41" s="485"/>
      <c r="D41" s="485"/>
      <c r="E41" s="486">
        <v>39</v>
      </c>
      <c r="F41" s="282"/>
      <c r="G41" s="282"/>
      <c r="H41" s="490"/>
      <c r="I41" s="282"/>
      <c r="J41" s="490"/>
      <c r="K41" s="490"/>
      <c r="L41" s="450"/>
    </row>
    <row r="42" spans="1:12" ht="20.100000000000001" customHeight="1" x14ac:dyDescent="0.2">
      <c r="A42" s="484" t="s">
        <v>309</v>
      </c>
      <c r="B42" s="485"/>
      <c r="C42" s="485"/>
      <c r="D42" s="485"/>
      <c r="E42" s="486">
        <v>9</v>
      </c>
      <c r="F42" s="282"/>
      <c r="G42" s="282"/>
      <c r="H42" s="490"/>
      <c r="I42" s="282"/>
      <c r="J42" s="490"/>
      <c r="K42" s="490"/>
      <c r="L42" s="450"/>
    </row>
    <row r="43" spans="1:12" ht="20.100000000000001" customHeight="1" x14ac:dyDescent="0.2">
      <c r="A43" s="484" t="s">
        <v>310</v>
      </c>
      <c r="B43" s="485"/>
      <c r="C43" s="485"/>
      <c r="D43" s="485"/>
      <c r="E43" s="486">
        <v>4</v>
      </c>
      <c r="F43" s="282"/>
      <c r="G43" s="282"/>
      <c r="H43" s="450"/>
      <c r="I43" s="282"/>
      <c r="J43" s="490"/>
      <c r="K43" s="490"/>
      <c r="L43" s="450"/>
    </row>
    <row r="44" spans="1:12" ht="20.100000000000001" customHeight="1" thickBot="1" x14ac:dyDescent="0.25">
      <c r="A44" s="491" t="s">
        <v>311</v>
      </c>
      <c r="B44" s="485"/>
      <c r="C44" s="485"/>
      <c r="D44" s="485"/>
      <c r="E44" s="493">
        <v>7</v>
      </c>
      <c r="F44" s="282"/>
      <c r="G44" s="282"/>
      <c r="H44" s="450"/>
      <c r="I44" s="282"/>
      <c r="J44" s="490"/>
      <c r="K44" s="490"/>
      <c r="L44" s="450"/>
    </row>
    <row r="45" spans="1:12" ht="20.100000000000001" customHeight="1" thickTop="1" thickBot="1" x14ac:dyDescent="0.25">
      <c r="A45" s="498"/>
      <c r="B45" s="499"/>
      <c r="C45" s="499"/>
      <c r="D45" s="500" t="s">
        <v>194</v>
      </c>
      <c r="E45" s="154">
        <v>80</v>
      </c>
      <c r="F45" s="282"/>
      <c r="G45" s="490"/>
      <c r="H45" s="450"/>
      <c r="I45" s="282"/>
      <c r="J45" s="490"/>
      <c r="K45" s="490"/>
      <c r="L45" s="450"/>
    </row>
    <row r="46" spans="1:12" ht="20.100000000000001" customHeight="1" thickBot="1" x14ac:dyDescent="0.25">
      <c r="A46" s="501"/>
      <c r="B46" s="502"/>
      <c r="C46" s="502"/>
      <c r="D46" s="503" t="s">
        <v>195</v>
      </c>
      <c r="E46" s="504">
        <v>2807</v>
      </c>
      <c r="F46" s="282"/>
      <c r="G46" s="282"/>
      <c r="H46" s="450"/>
      <c r="I46" s="282"/>
      <c r="J46" s="490"/>
      <c r="K46" s="490"/>
      <c r="L46" s="450"/>
    </row>
    <row r="47" spans="1:12" ht="20.100000000000001" customHeight="1" x14ac:dyDescent="0.2">
      <c r="A47" s="450"/>
      <c r="B47" s="450"/>
      <c r="C47" s="450"/>
      <c r="D47" s="450"/>
      <c r="E47" s="450"/>
      <c r="F47" s="450"/>
      <c r="G47" s="490"/>
      <c r="H47" s="450"/>
      <c r="I47" s="282"/>
      <c r="J47" s="282"/>
      <c r="K47" s="490"/>
      <c r="L47" s="490"/>
    </row>
    <row r="48" spans="1:12" ht="20.100000000000001" customHeight="1" thickBot="1" x14ac:dyDescent="0.25">
      <c r="A48" s="468" t="s">
        <v>252</v>
      </c>
      <c r="B48" s="468"/>
      <c r="C48" s="468"/>
      <c r="D48" s="450" t="s">
        <v>176</v>
      </c>
      <c r="E48" s="450"/>
      <c r="F48" s="450"/>
      <c r="G48" s="490"/>
      <c r="H48" s="450"/>
      <c r="I48" s="450"/>
      <c r="J48" s="450"/>
      <c r="K48" s="450"/>
      <c r="L48" s="450"/>
    </row>
    <row r="49" spans="1:12" ht="20.100000000000001" customHeight="1" thickBot="1" x14ac:dyDescent="0.25">
      <c r="A49" s="453" t="s">
        <v>65</v>
      </c>
      <c r="B49" s="505" t="s">
        <v>186</v>
      </c>
      <c r="C49" s="450"/>
      <c r="D49" s="453" t="s">
        <v>134</v>
      </c>
      <c r="E49" s="505" t="s">
        <v>186</v>
      </c>
      <c r="F49" s="450"/>
      <c r="G49" s="450"/>
      <c r="H49" s="450"/>
      <c r="I49" s="450"/>
      <c r="J49" s="450"/>
      <c r="K49" s="450"/>
      <c r="L49" s="450"/>
    </row>
    <row r="50" spans="1:12" ht="20.100000000000001" customHeight="1" thickTop="1" x14ac:dyDescent="0.2">
      <c r="A50" s="506" t="s">
        <v>82</v>
      </c>
      <c r="B50" s="507">
        <v>2</v>
      </c>
      <c r="C50" s="450"/>
      <c r="D50" s="506" t="s">
        <v>77</v>
      </c>
      <c r="E50" s="507">
        <v>15</v>
      </c>
      <c r="F50" s="450"/>
      <c r="G50" s="450"/>
      <c r="H50" s="450"/>
      <c r="I50" s="450"/>
      <c r="J50" s="450"/>
      <c r="K50" s="450"/>
      <c r="L50" s="450"/>
    </row>
    <row r="51" spans="1:12" ht="20.100000000000001" customHeight="1" x14ac:dyDescent="0.2">
      <c r="A51" s="508" t="s">
        <v>95</v>
      </c>
      <c r="B51" s="509">
        <v>10</v>
      </c>
      <c r="C51" s="450"/>
      <c r="D51" s="508" t="s">
        <v>78</v>
      </c>
      <c r="E51" s="509">
        <v>4</v>
      </c>
      <c r="F51" s="450"/>
      <c r="G51" s="450"/>
      <c r="H51" s="450"/>
      <c r="I51" s="450"/>
      <c r="J51" s="450"/>
      <c r="K51" s="450"/>
      <c r="L51" s="450"/>
    </row>
    <row r="52" spans="1:12" ht="20.100000000000001" customHeight="1" x14ac:dyDescent="0.2">
      <c r="A52" s="508" t="s">
        <v>96</v>
      </c>
      <c r="B52" s="509">
        <v>5</v>
      </c>
      <c r="C52" s="450"/>
      <c r="D52" s="508" t="s">
        <v>0</v>
      </c>
      <c r="E52" s="509">
        <v>1</v>
      </c>
      <c r="F52" s="450"/>
      <c r="G52" s="450"/>
      <c r="H52" s="450"/>
      <c r="I52" s="450"/>
      <c r="J52" s="450"/>
      <c r="K52" s="450"/>
      <c r="L52" s="450"/>
    </row>
    <row r="53" spans="1:12" ht="20.100000000000001" customHeight="1" x14ac:dyDescent="0.2">
      <c r="A53" s="508" t="s">
        <v>97</v>
      </c>
      <c r="B53" s="509">
        <v>9</v>
      </c>
      <c r="C53" s="450"/>
      <c r="D53" s="508" t="s">
        <v>3</v>
      </c>
      <c r="E53" s="509">
        <v>1</v>
      </c>
      <c r="F53" s="450"/>
      <c r="G53" s="450"/>
      <c r="H53" s="450"/>
      <c r="I53" s="450"/>
      <c r="J53" s="450"/>
      <c r="K53" s="450"/>
      <c r="L53" s="450"/>
    </row>
    <row r="54" spans="1:12" ht="20.100000000000001" customHeight="1" x14ac:dyDescent="0.2">
      <c r="A54" s="508" t="s">
        <v>83</v>
      </c>
      <c r="B54" s="509">
        <v>3</v>
      </c>
      <c r="C54" s="450"/>
      <c r="D54" s="508" t="s">
        <v>1</v>
      </c>
      <c r="E54" s="509">
        <v>1</v>
      </c>
      <c r="F54" s="450"/>
      <c r="G54" s="450"/>
      <c r="H54" s="450"/>
      <c r="I54" s="450"/>
      <c r="J54" s="450"/>
      <c r="K54" s="450"/>
      <c r="L54" s="450"/>
    </row>
    <row r="55" spans="1:12" ht="20.100000000000001" customHeight="1" thickBot="1" x14ac:dyDescent="0.25">
      <c r="A55" s="510" t="s">
        <v>98</v>
      </c>
      <c r="B55" s="511">
        <v>4</v>
      </c>
      <c r="C55" s="450"/>
      <c r="D55" s="508" t="s">
        <v>2</v>
      </c>
      <c r="E55" s="509">
        <v>2</v>
      </c>
      <c r="F55" s="450"/>
      <c r="G55" s="450"/>
      <c r="H55" s="450"/>
      <c r="I55" s="450"/>
      <c r="J55" s="450"/>
      <c r="K55" s="450"/>
      <c r="L55" s="450"/>
    </row>
    <row r="56" spans="1:12" ht="20.100000000000001" customHeight="1" thickTop="1" thickBot="1" x14ac:dyDescent="0.25">
      <c r="A56" s="512" t="s">
        <v>63</v>
      </c>
      <c r="B56" s="513">
        <v>33</v>
      </c>
      <c r="C56" s="450"/>
      <c r="D56" s="508" t="s">
        <v>5</v>
      </c>
      <c r="E56" s="509">
        <v>5</v>
      </c>
      <c r="F56" s="450"/>
      <c r="G56" s="450"/>
      <c r="H56" s="450"/>
      <c r="I56" s="450"/>
      <c r="J56" s="450"/>
      <c r="K56" s="450"/>
      <c r="L56" s="450"/>
    </row>
    <row r="57" spans="1:12" ht="20.100000000000001" customHeight="1" thickBot="1" x14ac:dyDescent="0.25">
      <c r="A57" s="469"/>
      <c r="B57" s="490"/>
      <c r="C57" s="450"/>
      <c r="D57" s="510" t="s">
        <v>4</v>
      </c>
      <c r="E57" s="511">
        <v>4</v>
      </c>
      <c r="F57" s="450"/>
      <c r="G57" s="450"/>
      <c r="H57" s="450"/>
      <c r="I57" s="450"/>
      <c r="J57" s="450"/>
      <c r="K57" s="450"/>
      <c r="L57" s="450"/>
    </row>
    <row r="58" spans="1:12" ht="20.100000000000001" customHeight="1" thickTop="1" thickBot="1" x14ac:dyDescent="0.25">
      <c r="A58" s="450"/>
      <c r="B58" s="450"/>
      <c r="C58" s="450"/>
      <c r="D58" s="512" t="s">
        <v>99</v>
      </c>
      <c r="E58" s="513">
        <v>33</v>
      </c>
      <c r="F58" s="450"/>
      <c r="G58" s="450"/>
      <c r="H58" s="450"/>
      <c r="I58" s="450"/>
      <c r="J58" s="450"/>
      <c r="K58" s="450"/>
      <c r="L58" s="450"/>
    </row>
    <row r="59" spans="1:12" ht="20.100000000000001" customHeight="1" x14ac:dyDescent="0.2">
      <c r="A59" s="450"/>
      <c r="B59" s="450"/>
      <c r="C59" s="450"/>
      <c r="D59" s="469"/>
      <c r="E59" s="490"/>
      <c r="F59" s="450"/>
      <c r="G59" s="450"/>
      <c r="H59" s="450"/>
      <c r="I59" s="450"/>
      <c r="J59" s="450"/>
      <c r="K59" s="450"/>
      <c r="L59" s="450"/>
    </row>
    <row r="60" spans="1:12" ht="20.100000000000001" customHeight="1" thickBot="1" x14ac:dyDescent="0.25">
      <c r="A60" s="514" t="s">
        <v>260</v>
      </c>
      <c r="B60" s="514"/>
      <c r="C60" s="514"/>
      <c r="D60" s="450"/>
      <c r="E60" s="450"/>
      <c r="F60" s="450"/>
      <c r="G60" s="450" t="s">
        <v>79</v>
      </c>
      <c r="H60" s="450"/>
      <c r="I60" s="450"/>
      <c r="J60" s="469"/>
      <c r="K60" s="450"/>
      <c r="L60" s="450"/>
    </row>
    <row r="61" spans="1:12" ht="20.100000000000001" customHeight="1" thickBot="1" x14ac:dyDescent="0.25">
      <c r="A61" s="453" t="s">
        <v>65</v>
      </c>
      <c r="B61" s="515" t="s">
        <v>253</v>
      </c>
      <c r="C61" s="515" t="s">
        <v>254</v>
      </c>
      <c r="D61" s="515" t="s">
        <v>255</v>
      </c>
      <c r="E61" s="515" t="s">
        <v>256</v>
      </c>
      <c r="F61" s="515" t="s">
        <v>257</v>
      </c>
      <c r="G61" s="515" t="s">
        <v>259</v>
      </c>
      <c r="H61" s="516" t="s">
        <v>258</v>
      </c>
      <c r="I61" s="517" t="s">
        <v>242</v>
      </c>
      <c r="J61" s="518" t="s">
        <v>63</v>
      </c>
      <c r="K61" s="450"/>
      <c r="L61" s="450"/>
    </row>
    <row r="62" spans="1:12" ht="20.100000000000001" customHeight="1" thickTop="1" x14ac:dyDescent="0.2">
      <c r="A62" s="506" t="s">
        <v>82</v>
      </c>
      <c r="B62" s="519">
        <v>5</v>
      </c>
      <c r="C62" s="519">
        <v>3</v>
      </c>
      <c r="D62" s="519">
        <v>21</v>
      </c>
      <c r="E62" s="519">
        <v>27</v>
      </c>
      <c r="F62" s="519">
        <v>10</v>
      </c>
      <c r="G62" s="519">
        <v>13</v>
      </c>
      <c r="H62" s="520">
        <v>5</v>
      </c>
      <c r="I62" s="521">
        <v>2</v>
      </c>
      <c r="J62" s="649">
        <v>86</v>
      </c>
      <c r="K62" s="450"/>
      <c r="L62" s="450"/>
    </row>
    <row r="63" spans="1:12" ht="20.100000000000001" customHeight="1" x14ac:dyDescent="0.2">
      <c r="A63" s="508" t="s">
        <v>95</v>
      </c>
      <c r="B63" s="522">
        <v>7</v>
      </c>
      <c r="C63" s="522">
        <v>2</v>
      </c>
      <c r="D63" s="522">
        <v>16</v>
      </c>
      <c r="E63" s="522">
        <v>25</v>
      </c>
      <c r="F63" s="522">
        <v>20</v>
      </c>
      <c r="G63" s="522">
        <v>16</v>
      </c>
      <c r="H63" s="522">
        <v>7</v>
      </c>
      <c r="I63" s="523">
        <v>3</v>
      </c>
      <c r="J63" s="532">
        <v>96</v>
      </c>
      <c r="K63" s="450"/>
      <c r="L63" s="450"/>
    </row>
    <row r="64" spans="1:12" ht="20.100000000000001" customHeight="1" x14ac:dyDescent="0.2">
      <c r="A64" s="508" t="s">
        <v>96</v>
      </c>
      <c r="B64" s="522">
        <v>1</v>
      </c>
      <c r="C64" s="522">
        <v>5</v>
      </c>
      <c r="D64" s="522">
        <v>6</v>
      </c>
      <c r="E64" s="522">
        <v>14</v>
      </c>
      <c r="F64" s="522">
        <v>10</v>
      </c>
      <c r="G64" s="522">
        <v>3</v>
      </c>
      <c r="H64" s="522">
        <v>2</v>
      </c>
      <c r="I64" s="523">
        <v>3</v>
      </c>
      <c r="J64" s="532">
        <v>44</v>
      </c>
      <c r="K64" s="450"/>
      <c r="L64" s="450"/>
    </row>
    <row r="65" spans="1:12" ht="20.100000000000001" customHeight="1" x14ac:dyDescent="0.2">
      <c r="A65" s="508" t="s">
        <v>97</v>
      </c>
      <c r="B65" s="522">
        <v>1</v>
      </c>
      <c r="C65" s="522">
        <v>0</v>
      </c>
      <c r="D65" s="522">
        <v>1</v>
      </c>
      <c r="E65" s="522">
        <v>3</v>
      </c>
      <c r="F65" s="522">
        <v>5</v>
      </c>
      <c r="G65" s="522">
        <v>1</v>
      </c>
      <c r="H65" s="522">
        <v>1</v>
      </c>
      <c r="I65" s="523">
        <v>1</v>
      </c>
      <c r="J65" s="532">
        <v>13</v>
      </c>
      <c r="K65" s="450"/>
      <c r="L65" s="450"/>
    </row>
    <row r="66" spans="1:12" ht="20.100000000000001" customHeight="1" x14ac:dyDescent="0.2">
      <c r="A66" s="508" t="s">
        <v>83</v>
      </c>
      <c r="B66" s="522">
        <v>1</v>
      </c>
      <c r="C66" s="522">
        <v>0</v>
      </c>
      <c r="D66" s="522">
        <v>0</v>
      </c>
      <c r="E66" s="522">
        <v>0</v>
      </c>
      <c r="F66" s="522">
        <v>1</v>
      </c>
      <c r="G66" s="522">
        <v>0</v>
      </c>
      <c r="H66" s="522">
        <v>0</v>
      </c>
      <c r="I66" s="523">
        <v>0</v>
      </c>
      <c r="J66" s="532">
        <v>2</v>
      </c>
      <c r="K66" s="450"/>
      <c r="L66" s="450"/>
    </row>
    <row r="67" spans="1:12" ht="20.100000000000001" customHeight="1" thickBot="1" x14ac:dyDescent="0.25">
      <c r="A67" s="510" t="s">
        <v>98</v>
      </c>
      <c r="B67" s="524">
        <v>0</v>
      </c>
      <c r="C67" s="524">
        <v>1</v>
      </c>
      <c r="D67" s="524">
        <v>0</v>
      </c>
      <c r="E67" s="524">
        <v>1</v>
      </c>
      <c r="F67" s="524">
        <v>0</v>
      </c>
      <c r="G67" s="524">
        <v>1</v>
      </c>
      <c r="H67" s="525">
        <v>1</v>
      </c>
      <c r="I67" s="526">
        <v>0</v>
      </c>
      <c r="J67" s="534">
        <v>4</v>
      </c>
      <c r="K67" s="450"/>
      <c r="L67" s="450"/>
    </row>
    <row r="68" spans="1:12" ht="20.100000000000001" customHeight="1" thickTop="1" thickBot="1" x14ac:dyDescent="0.25">
      <c r="A68" s="512" t="s">
        <v>63</v>
      </c>
      <c r="B68" s="527">
        <v>15</v>
      </c>
      <c r="C68" s="527">
        <v>11</v>
      </c>
      <c r="D68" s="527">
        <v>44</v>
      </c>
      <c r="E68" s="527">
        <v>70</v>
      </c>
      <c r="F68" s="527">
        <v>46</v>
      </c>
      <c r="G68" s="527">
        <v>34</v>
      </c>
      <c r="H68" s="527">
        <v>16</v>
      </c>
      <c r="I68" s="528">
        <v>9</v>
      </c>
      <c r="J68" s="529">
        <v>245</v>
      </c>
      <c r="K68" s="450"/>
      <c r="L68" s="450"/>
    </row>
    <row r="69" spans="1:12" ht="20.100000000000001" customHeight="1" thickTop="1" thickBot="1" x14ac:dyDescent="0.25">
      <c r="A69" s="160" t="s">
        <v>262</v>
      </c>
      <c r="B69" s="159">
        <v>6.1224489795918366E-2</v>
      </c>
      <c r="C69" s="159">
        <v>4.4897959183673466E-2</v>
      </c>
      <c r="D69" s="159">
        <v>0.17959183673469387</v>
      </c>
      <c r="E69" s="159">
        <v>0.2857142857142857</v>
      </c>
      <c r="F69" s="159">
        <v>0.18775510204081633</v>
      </c>
      <c r="G69" s="159">
        <v>0.13877551020408163</v>
      </c>
      <c r="H69" s="159">
        <v>6.5306122448979598E-2</v>
      </c>
      <c r="I69" s="159">
        <v>3.6734693877551024E-2</v>
      </c>
      <c r="J69" s="161">
        <v>1</v>
      </c>
      <c r="K69" s="490"/>
      <c r="L69" s="450"/>
    </row>
    <row r="70" spans="1:12" ht="20.100000000000001" customHeight="1" x14ac:dyDescent="0.2">
      <c r="A70" s="469"/>
      <c r="B70" s="490"/>
      <c r="C70" s="490"/>
      <c r="D70" s="490"/>
      <c r="E70" s="490"/>
      <c r="F70" s="490"/>
      <c r="G70" s="490"/>
      <c r="H70" s="490"/>
      <c r="I70" s="490"/>
      <c r="J70" s="490"/>
      <c r="K70" s="450"/>
      <c r="L70" s="450"/>
    </row>
    <row r="71" spans="1:12" ht="20.100000000000001" customHeight="1" thickBot="1" x14ac:dyDescent="0.25">
      <c r="A71" s="450" t="s">
        <v>261</v>
      </c>
      <c r="B71" s="450"/>
      <c r="C71" s="450"/>
      <c r="D71" s="450"/>
      <c r="E71" s="450"/>
      <c r="F71" s="450"/>
      <c r="G71" s="450" t="s">
        <v>79</v>
      </c>
      <c r="H71" s="450"/>
      <c r="I71" s="450"/>
      <c r="J71" s="450"/>
      <c r="K71" s="450"/>
      <c r="L71" s="450"/>
    </row>
    <row r="72" spans="1:12" ht="20.100000000000001" customHeight="1" thickBot="1" x14ac:dyDescent="0.25">
      <c r="A72" s="453" t="s">
        <v>134</v>
      </c>
      <c r="B72" s="515" t="s">
        <v>253</v>
      </c>
      <c r="C72" s="515" t="s">
        <v>254</v>
      </c>
      <c r="D72" s="515" t="s">
        <v>255</v>
      </c>
      <c r="E72" s="515" t="s">
        <v>256</v>
      </c>
      <c r="F72" s="515" t="s">
        <v>257</v>
      </c>
      <c r="G72" s="515" t="s">
        <v>259</v>
      </c>
      <c r="H72" s="516" t="s">
        <v>258</v>
      </c>
      <c r="I72" s="517" t="s">
        <v>242</v>
      </c>
      <c r="J72" s="518" t="s">
        <v>63</v>
      </c>
      <c r="K72" s="450"/>
      <c r="L72" s="450"/>
    </row>
    <row r="73" spans="1:12" ht="20.100000000000001" customHeight="1" thickTop="1" x14ac:dyDescent="0.2">
      <c r="A73" s="506" t="s">
        <v>77</v>
      </c>
      <c r="B73" s="530">
        <v>5</v>
      </c>
      <c r="C73" s="530">
        <v>5</v>
      </c>
      <c r="D73" s="530">
        <v>14</v>
      </c>
      <c r="E73" s="530">
        <v>23</v>
      </c>
      <c r="F73" s="530">
        <v>14</v>
      </c>
      <c r="G73" s="530">
        <v>19</v>
      </c>
      <c r="H73" s="531">
        <v>7</v>
      </c>
      <c r="I73" s="521">
        <v>2</v>
      </c>
      <c r="J73" s="649">
        <v>89</v>
      </c>
      <c r="K73" s="450"/>
      <c r="L73" s="450"/>
    </row>
    <row r="74" spans="1:12" ht="20.100000000000001" customHeight="1" x14ac:dyDescent="0.2">
      <c r="A74" s="508" t="s">
        <v>78</v>
      </c>
      <c r="B74" s="522">
        <v>2</v>
      </c>
      <c r="C74" s="522">
        <v>3</v>
      </c>
      <c r="D74" s="522">
        <v>7</v>
      </c>
      <c r="E74" s="522">
        <v>6</v>
      </c>
      <c r="F74" s="522">
        <v>7</v>
      </c>
      <c r="G74" s="522">
        <v>4</v>
      </c>
      <c r="H74" s="522">
        <v>2</v>
      </c>
      <c r="I74" s="523">
        <v>0</v>
      </c>
      <c r="J74" s="532">
        <v>31</v>
      </c>
      <c r="K74" s="450"/>
      <c r="L74" s="450"/>
    </row>
    <row r="75" spans="1:12" ht="20.100000000000001" customHeight="1" x14ac:dyDescent="0.2">
      <c r="A75" s="508" t="s">
        <v>0</v>
      </c>
      <c r="B75" s="522">
        <v>0</v>
      </c>
      <c r="C75" s="522">
        <v>0</v>
      </c>
      <c r="D75" s="522">
        <v>5</v>
      </c>
      <c r="E75" s="522">
        <v>12</v>
      </c>
      <c r="F75" s="522">
        <v>8</v>
      </c>
      <c r="G75" s="522">
        <v>1</v>
      </c>
      <c r="H75" s="522">
        <v>1</v>
      </c>
      <c r="I75" s="523">
        <v>1</v>
      </c>
      <c r="J75" s="532">
        <v>28</v>
      </c>
      <c r="K75" s="450"/>
      <c r="L75" s="450"/>
    </row>
    <row r="76" spans="1:12" ht="20.100000000000001" customHeight="1" x14ac:dyDescent="0.2">
      <c r="A76" s="508" t="s">
        <v>3</v>
      </c>
      <c r="B76" s="522">
        <v>2</v>
      </c>
      <c r="C76" s="522">
        <v>2</v>
      </c>
      <c r="D76" s="522">
        <v>6</v>
      </c>
      <c r="E76" s="522">
        <v>7</v>
      </c>
      <c r="F76" s="522">
        <v>3</v>
      </c>
      <c r="G76" s="522">
        <v>4</v>
      </c>
      <c r="H76" s="522">
        <v>4</v>
      </c>
      <c r="I76" s="523">
        <v>2</v>
      </c>
      <c r="J76" s="532">
        <v>30</v>
      </c>
      <c r="K76" s="450"/>
      <c r="L76" s="450"/>
    </row>
    <row r="77" spans="1:12" ht="20.100000000000001" customHeight="1" x14ac:dyDescent="0.2">
      <c r="A77" s="508" t="s">
        <v>1</v>
      </c>
      <c r="B77" s="522">
        <v>1</v>
      </c>
      <c r="C77" s="522">
        <v>1</v>
      </c>
      <c r="D77" s="522">
        <v>3</v>
      </c>
      <c r="E77" s="522">
        <v>6</v>
      </c>
      <c r="F77" s="522">
        <v>3</v>
      </c>
      <c r="G77" s="522">
        <v>2</v>
      </c>
      <c r="H77" s="522">
        <v>0</v>
      </c>
      <c r="I77" s="523">
        <v>0</v>
      </c>
      <c r="J77" s="532">
        <v>16</v>
      </c>
      <c r="K77" s="450"/>
      <c r="L77" s="450"/>
    </row>
    <row r="78" spans="1:12" ht="20.100000000000001" customHeight="1" x14ac:dyDescent="0.2">
      <c r="A78" s="508" t="s">
        <v>2</v>
      </c>
      <c r="B78" s="522">
        <v>1</v>
      </c>
      <c r="C78" s="522">
        <v>0</v>
      </c>
      <c r="D78" s="522">
        <v>0</v>
      </c>
      <c r="E78" s="522">
        <v>5</v>
      </c>
      <c r="F78" s="522">
        <v>2</v>
      </c>
      <c r="G78" s="522">
        <v>0</v>
      </c>
      <c r="H78" s="522">
        <v>0</v>
      </c>
      <c r="I78" s="523">
        <v>1</v>
      </c>
      <c r="J78" s="532">
        <v>9</v>
      </c>
      <c r="K78" s="450"/>
      <c r="L78" s="450"/>
    </row>
    <row r="79" spans="1:12" ht="20.100000000000001" customHeight="1" x14ac:dyDescent="0.2">
      <c r="A79" s="508" t="s">
        <v>5</v>
      </c>
      <c r="B79" s="522">
        <v>2</v>
      </c>
      <c r="C79" s="522">
        <v>0</v>
      </c>
      <c r="D79" s="522">
        <v>6</v>
      </c>
      <c r="E79" s="522">
        <v>10</v>
      </c>
      <c r="F79" s="522">
        <v>6</v>
      </c>
      <c r="G79" s="522">
        <v>4</v>
      </c>
      <c r="H79" s="533">
        <v>1</v>
      </c>
      <c r="I79" s="523">
        <v>2</v>
      </c>
      <c r="J79" s="532">
        <v>31</v>
      </c>
      <c r="K79" s="450"/>
      <c r="L79" s="450"/>
    </row>
    <row r="80" spans="1:12" ht="20.100000000000001" customHeight="1" thickBot="1" x14ac:dyDescent="0.25">
      <c r="A80" s="510" t="s">
        <v>4</v>
      </c>
      <c r="B80" s="471">
        <v>2</v>
      </c>
      <c r="C80" s="471">
        <v>0</v>
      </c>
      <c r="D80" s="471">
        <v>3</v>
      </c>
      <c r="E80" s="471">
        <v>1</v>
      </c>
      <c r="F80" s="471">
        <v>3</v>
      </c>
      <c r="G80" s="471">
        <v>0</v>
      </c>
      <c r="H80" s="471">
        <v>1</v>
      </c>
      <c r="I80" s="526">
        <v>1</v>
      </c>
      <c r="J80" s="534">
        <v>11</v>
      </c>
      <c r="K80" s="450"/>
      <c r="L80" s="450"/>
    </row>
    <row r="81" spans="1:12" ht="20.100000000000001" customHeight="1" thickTop="1" thickBot="1" x14ac:dyDescent="0.25">
      <c r="A81" s="512" t="s">
        <v>99</v>
      </c>
      <c r="B81" s="535">
        <v>15</v>
      </c>
      <c r="C81" s="535">
        <v>11</v>
      </c>
      <c r="D81" s="535">
        <v>44</v>
      </c>
      <c r="E81" s="535">
        <v>70</v>
      </c>
      <c r="F81" s="535">
        <v>46</v>
      </c>
      <c r="G81" s="535">
        <v>34</v>
      </c>
      <c r="H81" s="535">
        <v>16</v>
      </c>
      <c r="I81" s="536">
        <v>9</v>
      </c>
      <c r="J81" s="537">
        <v>245</v>
      </c>
      <c r="K81" s="450"/>
      <c r="L81" s="450"/>
    </row>
    <row r="82" spans="1:12" ht="20.100000000000001" customHeight="1" thickTop="1" thickBot="1" x14ac:dyDescent="0.25">
      <c r="A82" s="155" t="s">
        <v>262</v>
      </c>
      <c r="B82" s="159">
        <v>6.1224489795918366E-2</v>
      </c>
      <c r="C82" s="159">
        <v>4.4897959183673466E-2</v>
      </c>
      <c r="D82" s="159">
        <v>0.17959183673469387</v>
      </c>
      <c r="E82" s="159">
        <v>0.2857142857142857</v>
      </c>
      <c r="F82" s="159">
        <v>0.18775510204081633</v>
      </c>
      <c r="G82" s="159">
        <v>0.13877551020408163</v>
      </c>
      <c r="H82" s="159">
        <v>6.5306122448979598E-2</v>
      </c>
      <c r="I82" s="159">
        <v>3.6734693877551024E-2</v>
      </c>
      <c r="J82" s="161">
        <v>1</v>
      </c>
      <c r="K82" s="490"/>
      <c r="L82" s="450"/>
    </row>
  </sheetData>
  <phoneticPr fontId="1"/>
  <pageMargins left="0.82677165354330717" right="0.23622047244094491" top="0.74803149606299213" bottom="0.55118110236220474" header="0.31496062992125984" footer="0.31496062992125984"/>
  <pageSetup paperSize="9" scale="55" orientation="landscape" r:id="rId1"/>
  <headerFooter>
    <oddFooter>&amp;C&amp;P</oddFooter>
  </headerFooter>
  <rowBreaks count="1" manualBreakCount="1">
    <brk id="46" max="11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P36"/>
  <sheetViews>
    <sheetView view="pageBreakPreview" zoomScale="80" zoomScaleNormal="100" zoomScaleSheetLayoutView="80" zoomScalePageLayoutView="50" workbookViewId="0"/>
  </sheetViews>
  <sheetFormatPr defaultColWidth="14.59765625" defaultRowHeight="20.100000000000001" customHeight="1" x14ac:dyDescent="0.2"/>
  <cols>
    <col min="1" max="1" width="14.59765625" style="94"/>
    <col min="2" max="3" width="14.59765625" style="92"/>
    <col min="4" max="4" width="14.59765625" style="107"/>
    <col min="5" max="5" width="14.59765625" style="92"/>
    <col min="6" max="6" width="14.59765625" style="110"/>
    <col min="7" max="8" width="14.59765625" style="92"/>
    <col min="9" max="9" width="14.59765625" style="107"/>
    <col min="10" max="10" width="14.59765625" style="92"/>
    <col min="11" max="11" width="14.59765625" style="110"/>
    <col min="12" max="13" width="14.59765625" style="92"/>
    <col min="14" max="14" width="14.59765625" style="107"/>
    <col min="15" max="15" width="14.59765625" style="92"/>
    <col min="16" max="16" width="14.59765625" style="110"/>
    <col min="17" max="16384" width="14.59765625" style="92"/>
  </cols>
  <sheetData>
    <row r="1" spans="1:16" ht="20.100000000000001" customHeight="1" x14ac:dyDescent="0.2">
      <c r="A1" s="91" t="s">
        <v>164</v>
      </c>
      <c r="B1" s="180"/>
      <c r="C1" s="180"/>
      <c r="D1" s="181"/>
      <c r="E1" s="180"/>
      <c r="F1" s="182"/>
      <c r="G1" s="180"/>
      <c r="H1" s="180"/>
      <c r="I1" s="181"/>
      <c r="J1" s="180"/>
      <c r="K1" s="182"/>
      <c r="L1" s="180"/>
      <c r="M1" s="180"/>
      <c r="N1" s="181"/>
      <c r="O1" s="180"/>
      <c r="P1" s="182"/>
    </row>
    <row r="2" spans="1:16" s="1" customFormat="1" ht="20.100000000000001" customHeight="1" x14ac:dyDescent="0.2">
      <c r="A2" s="5" t="s">
        <v>165</v>
      </c>
      <c r="B2" s="224"/>
      <c r="C2" s="224"/>
      <c r="D2" s="225" t="s">
        <v>85</v>
      </c>
      <c r="E2" s="225"/>
      <c r="F2" s="224"/>
      <c r="G2" s="224"/>
      <c r="H2" s="224"/>
      <c r="I2" s="226"/>
      <c r="J2" s="224"/>
      <c r="K2" s="224"/>
      <c r="L2" s="224"/>
      <c r="M2" s="224"/>
      <c r="N2" s="224"/>
      <c r="O2" s="224"/>
      <c r="P2" s="224"/>
    </row>
    <row r="3" spans="1:16" ht="20.100000000000001" customHeight="1" x14ac:dyDescent="0.2">
      <c r="A3" s="93"/>
      <c r="B3" s="187"/>
      <c r="C3" s="187"/>
      <c r="D3" s="183" t="s">
        <v>91</v>
      </c>
      <c r="E3" s="188" t="s">
        <v>265</v>
      </c>
      <c r="F3" s="185"/>
      <c r="G3" s="180"/>
      <c r="H3" s="180"/>
      <c r="I3" s="181"/>
      <c r="J3" s="180"/>
      <c r="K3" s="182"/>
      <c r="L3" s="180"/>
      <c r="M3" s="180"/>
      <c r="N3" s="181"/>
      <c r="O3" s="180"/>
      <c r="P3" s="182"/>
    </row>
    <row r="4" spans="1:16" ht="20.100000000000001" customHeight="1" thickBot="1" x14ac:dyDescent="0.25">
      <c r="A4" s="95" t="s">
        <v>71</v>
      </c>
      <c r="B4" s="180"/>
      <c r="C4" s="180"/>
      <c r="D4" s="183" t="s">
        <v>84</v>
      </c>
      <c r="E4" s="188" t="s">
        <v>266</v>
      </c>
      <c r="F4" s="185"/>
      <c r="G4" s="180"/>
      <c r="H4" s="180"/>
      <c r="I4" s="181"/>
      <c r="J4" s="180"/>
      <c r="K4" s="182"/>
      <c r="L4" s="180"/>
      <c r="M4" s="180"/>
      <c r="N4" s="181"/>
      <c r="O4" s="180"/>
      <c r="P4" s="182"/>
    </row>
    <row r="5" spans="1:16" ht="20.100000000000001" customHeight="1" x14ac:dyDescent="0.2">
      <c r="A5" s="656" t="s">
        <v>7</v>
      </c>
      <c r="B5" s="653" t="s">
        <v>12</v>
      </c>
      <c r="C5" s="654"/>
      <c r="D5" s="654"/>
      <c r="E5" s="654"/>
      <c r="F5" s="655"/>
      <c r="G5" s="653" t="s">
        <v>13</v>
      </c>
      <c r="H5" s="654"/>
      <c r="I5" s="654"/>
      <c r="J5" s="654"/>
      <c r="K5" s="655"/>
      <c r="L5" s="653" t="s">
        <v>14</v>
      </c>
      <c r="M5" s="654"/>
      <c r="N5" s="654"/>
      <c r="O5" s="654"/>
      <c r="P5" s="655"/>
    </row>
    <row r="6" spans="1:16" ht="20.100000000000001" customHeight="1" thickBot="1" x14ac:dyDescent="0.25">
      <c r="A6" s="657"/>
      <c r="B6" s="190" t="s">
        <v>264</v>
      </c>
      <c r="C6" s="191" t="s">
        <v>263</v>
      </c>
      <c r="D6" s="192" t="s">
        <v>126</v>
      </c>
      <c r="E6" s="191" t="s">
        <v>168</v>
      </c>
      <c r="F6" s="193" t="s">
        <v>146</v>
      </c>
      <c r="G6" s="190" t="s">
        <v>264</v>
      </c>
      <c r="H6" s="191" t="s">
        <v>263</v>
      </c>
      <c r="I6" s="192" t="s">
        <v>126</v>
      </c>
      <c r="J6" s="191" t="s">
        <v>168</v>
      </c>
      <c r="K6" s="193" t="s">
        <v>146</v>
      </c>
      <c r="L6" s="190" t="s">
        <v>264</v>
      </c>
      <c r="M6" s="191" t="s">
        <v>263</v>
      </c>
      <c r="N6" s="192" t="s">
        <v>126</v>
      </c>
      <c r="O6" s="191" t="s">
        <v>168</v>
      </c>
      <c r="P6" s="193" t="s">
        <v>146</v>
      </c>
    </row>
    <row r="7" spans="1:16" s="96" customFormat="1" ht="20.100000000000001" customHeight="1" thickTop="1" x14ac:dyDescent="0.2">
      <c r="A7" s="97" t="s">
        <v>86</v>
      </c>
      <c r="B7" s="195">
        <v>9</v>
      </c>
      <c r="C7" s="196">
        <v>11</v>
      </c>
      <c r="D7" s="197">
        <v>10</v>
      </c>
      <c r="E7" s="196">
        <v>2</v>
      </c>
      <c r="F7" s="72">
        <v>0.2</v>
      </c>
      <c r="G7" s="195">
        <v>9</v>
      </c>
      <c r="H7" s="196">
        <v>11</v>
      </c>
      <c r="I7" s="197">
        <v>10</v>
      </c>
      <c r="J7" s="196">
        <v>2</v>
      </c>
      <c r="K7" s="72">
        <v>0.2</v>
      </c>
      <c r="L7" s="195">
        <v>0</v>
      </c>
      <c r="M7" s="196">
        <v>0</v>
      </c>
      <c r="N7" s="197">
        <v>0</v>
      </c>
      <c r="O7" s="196">
        <v>0</v>
      </c>
      <c r="P7" s="176" t="s">
        <v>318</v>
      </c>
    </row>
    <row r="8" spans="1:16" s="96" customFormat="1" ht="20.100000000000001" customHeight="1" x14ac:dyDescent="0.2">
      <c r="A8" s="98" t="s">
        <v>87</v>
      </c>
      <c r="B8" s="199">
        <v>35</v>
      </c>
      <c r="C8" s="200">
        <v>32</v>
      </c>
      <c r="D8" s="197">
        <v>33.5</v>
      </c>
      <c r="E8" s="196">
        <v>12</v>
      </c>
      <c r="F8" s="72">
        <v>0.35820895522388058</v>
      </c>
      <c r="G8" s="199">
        <v>32</v>
      </c>
      <c r="H8" s="200">
        <v>30</v>
      </c>
      <c r="I8" s="197">
        <v>31</v>
      </c>
      <c r="J8" s="200">
        <v>10</v>
      </c>
      <c r="K8" s="72">
        <v>0.32258064516129031</v>
      </c>
      <c r="L8" s="199">
        <v>3</v>
      </c>
      <c r="M8" s="200">
        <v>2</v>
      </c>
      <c r="N8" s="197">
        <v>2.5</v>
      </c>
      <c r="O8" s="200">
        <v>2</v>
      </c>
      <c r="P8" s="54">
        <v>0.8</v>
      </c>
    </row>
    <row r="9" spans="1:16" s="96" customFormat="1" ht="20.100000000000001" customHeight="1" x14ac:dyDescent="0.2">
      <c r="A9" s="98" t="s">
        <v>88</v>
      </c>
      <c r="B9" s="199">
        <v>41</v>
      </c>
      <c r="C9" s="200">
        <v>40</v>
      </c>
      <c r="D9" s="197">
        <v>40.5</v>
      </c>
      <c r="E9" s="196">
        <v>6</v>
      </c>
      <c r="F9" s="72">
        <v>0.14814814814814814</v>
      </c>
      <c r="G9" s="199">
        <v>40</v>
      </c>
      <c r="H9" s="200">
        <v>39</v>
      </c>
      <c r="I9" s="197">
        <v>39.5</v>
      </c>
      <c r="J9" s="200">
        <v>5</v>
      </c>
      <c r="K9" s="72">
        <v>0.12658227848101267</v>
      </c>
      <c r="L9" s="199">
        <v>1</v>
      </c>
      <c r="M9" s="200">
        <v>1</v>
      </c>
      <c r="N9" s="197">
        <v>1</v>
      </c>
      <c r="O9" s="200">
        <v>1</v>
      </c>
      <c r="P9" s="54">
        <v>1</v>
      </c>
    </row>
    <row r="10" spans="1:16" s="96" customFormat="1" ht="20.100000000000001" customHeight="1" x14ac:dyDescent="0.2">
      <c r="A10" s="98" t="s">
        <v>89</v>
      </c>
      <c r="B10" s="199">
        <v>10</v>
      </c>
      <c r="C10" s="200">
        <v>11</v>
      </c>
      <c r="D10" s="197">
        <v>10.5</v>
      </c>
      <c r="E10" s="196">
        <v>0</v>
      </c>
      <c r="F10" s="72">
        <v>0</v>
      </c>
      <c r="G10" s="199">
        <v>10</v>
      </c>
      <c r="H10" s="200">
        <v>11</v>
      </c>
      <c r="I10" s="197">
        <v>10.5</v>
      </c>
      <c r="J10" s="200">
        <v>0</v>
      </c>
      <c r="K10" s="72">
        <v>0</v>
      </c>
      <c r="L10" s="199">
        <v>0</v>
      </c>
      <c r="M10" s="200">
        <v>0</v>
      </c>
      <c r="N10" s="197">
        <v>0</v>
      </c>
      <c r="O10" s="200">
        <v>0</v>
      </c>
      <c r="P10" s="227" t="s">
        <v>318</v>
      </c>
    </row>
    <row r="11" spans="1:16" s="96" customFormat="1" ht="20.100000000000001" customHeight="1" x14ac:dyDescent="0.2">
      <c r="A11" s="98" t="s">
        <v>90</v>
      </c>
      <c r="B11" s="199">
        <v>9</v>
      </c>
      <c r="C11" s="200">
        <v>9</v>
      </c>
      <c r="D11" s="197">
        <v>9</v>
      </c>
      <c r="E11" s="196">
        <v>1</v>
      </c>
      <c r="F11" s="72">
        <v>0.1111111111111111</v>
      </c>
      <c r="G11" s="199">
        <v>9</v>
      </c>
      <c r="H11" s="200">
        <v>9</v>
      </c>
      <c r="I11" s="197">
        <v>9</v>
      </c>
      <c r="J11" s="200">
        <v>1</v>
      </c>
      <c r="K11" s="72">
        <v>0.1111111111111111</v>
      </c>
      <c r="L11" s="199">
        <v>0</v>
      </c>
      <c r="M11" s="200">
        <v>0</v>
      </c>
      <c r="N11" s="197">
        <v>0</v>
      </c>
      <c r="O11" s="200">
        <v>0</v>
      </c>
      <c r="P11" s="227" t="s">
        <v>318</v>
      </c>
    </row>
    <row r="12" spans="1:16" s="99" customFormat="1" ht="20.100000000000001" customHeight="1" thickBot="1" x14ac:dyDescent="0.25">
      <c r="A12" s="100" t="s">
        <v>10</v>
      </c>
      <c r="B12" s="203">
        <v>34</v>
      </c>
      <c r="C12" s="204">
        <v>28</v>
      </c>
      <c r="D12" s="205">
        <v>31</v>
      </c>
      <c r="E12" s="206">
        <v>4</v>
      </c>
      <c r="F12" s="207">
        <v>0.12903225806451613</v>
      </c>
      <c r="G12" s="203">
        <v>33</v>
      </c>
      <c r="H12" s="204">
        <v>27</v>
      </c>
      <c r="I12" s="205">
        <v>30</v>
      </c>
      <c r="J12" s="204">
        <v>4</v>
      </c>
      <c r="K12" s="207">
        <v>0.13333333333333333</v>
      </c>
      <c r="L12" s="203">
        <v>1</v>
      </c>
      <c r="M12" s="204">
        <v>1</v>
      </c>
      <c r="N12" s="205">
        <v>1</v>
      </c>
      <c r="O12" s="204">
        <v>0</v>
      </c>
      <c r="P12" s="207">
        <v>0</v>
      </c>
    </row>
    <row r="13" spans="1:16" s="96" customFormat="1" ht="20.100000000000001" customHeight="1" thickTop="1" thickBot="1" x14ac:dyDescent="0.25">
      <c r="A13" s="101" t="s">
        <v>15</v>
      </c>
      <c r="B13" s="209">
        <v>138</v>
      </c>
      <c r="C13" s="210">
        <v>131</v>
      </c>
      <c r="D13" s="211">
        <v>134.5</v>
      </c>
      <c r="E13" s="212">
        <v>25</v>
      </c>
      <c r="F13" s="170">
        <v>0.18587360594795538</v>
      </c>
      <c r="G13" s="209">
        <v>133</v>
      </c>
      <c r="H13" s="210">
        <v>127</v>
      </c>
      <c r="I13" s="211">
        <v>130</v>
      </c>
      <c r="J13" s="212">
        <v>22</v>
      </c>
      <c r="K13" s="170">
        <v>0.16923076923076924</v>
      </c>
      <c r="L13" s="209">
        <v>5</v>
      </c>
      <c r="M13" s="210">
        <v>4</v>
      </c>
      <c r="N13" s="211">
        <v>4.5</v>
      </c>
      <c r="O13" s="212">
        <v>3</v>
      </c>
      <c r="P13" s="170">
        <v>0.66666666666666663</v>
      </c>
    </row>
    <row r="14" spans="1:16" ht="20.100000000000001" customHeight="1" x14ac:dyDescent="0.2">
      <c r="B14" s="180"/>
      <c r="C14" s="180"/>
      <c r="D14" s="181"/>
      <c r="E14" s="180"/>
      <c r="F14" s="182"/>
      <c r="G14" s="180"/>
      <c r="H14" s="180"/>
      <c r="I14" s="181"/>
      <c r="J14" s="180"/>
      <c r="K14" s="182"/>
      <c r="L14" s="180"/>
      <c r="M14" s="180"/>
      <c r="N14" s="181"/>
      <c r="O14" s="180"/>
      <c r="P14" s="182"/>
    </row>
    <row r="15" spans="1:16" ht="20.100000000000001" customHeight="1" thickBot="1" x14ac:dyDescent="0.25">
      <c r="A15" s="95" t="s">
        <v>16</v>
      </c>
      <c r="B15" s="180"/>
      <c r="C15" s="180"/>
      <c r="D15" s="181"/>
      <c r="E15" s="180"/>
      <c r="F15" s="182"/>
      <c r="G15" s="180"/>
      <c r="H15" s="180"/>
      <c r="I15" s="181"/>
      <c r="J15" s="180"/>
      <c r="K15" s="182"/>
      <c r="L15" s="180"/>
      <c r="M15" s="180"/>
      <c r="N15" s="181"/>
      <c r="O15" s="180"/>
      <c r="P15" s="182"/>
    </row>
    <row r="16" spans="1:16" ht="20.100000000000001" customHeight="1" x14ac:dyDescent="0.2">
      <c r="A16" s="656" t="s">
        <v>72</v>
      </c>
      <c r="B16" s="653" t="s">
        <v>12</v>
      </c>
      <c r="C16" s="654"/>
      <c r="D16" s="654"/>
      <c r="E16" s="654"/>
      <c r="F16" s="655"/>
      <c r="G16" s="653" t="s">
        <v>13</v>
      </c>
      <c r="H16" s="654"/>
      <c r="I16" s="654"/>
      <c r="J16" s="654"/>
      <c r="K16" s="655"/>
      <c r="L16" s="653" t="s">
        <v>14</v>
      </c>
      <c r="M16" s="654"/>
      <c r="N16" s="654"/>
      <c r="O16" s="654"/>
      <c r="P16" s="655"/>
    </row>
    <row r="17" spans="1:16" ht="20.100000000000001" customHeight="1" thickBot="1" x14ac:dyDescent="0.25">
      <c r="A17" s="657"/>
      <c r="B17" s="190" t="s">
        <v>264</v>
      </c>
      <c r="C17" s="191" t="s">
        <v>263</v>
      </c>
      <c r="D17" s="192" t="s">
        <v>126</v>
      </c>
      <c r="E17" s="191" t="s">
        <v>168</v>
      </c>
      <c r="F17" s="193" t="s">
        <v>146</v>
      </c>
      <c r="G17" s="190" t="s">
        <v>264</v>
      </c>
      <c r="H17" s="191" t="s">
        <v>263</v>
      </c>
      <c r="I17" s="192" t="s">
        <v>126</v>
      </c>
      <c r="J17" s="191" t="s">
        <v>168</v>
      </c>
      <c r="K17" s="193" t="s">
        <v>146</v>
      </c>
      <c r="L17" s="190" t="s">
        <v>264</v>
      </c>
      <c r="M17" s="191" t="s">
        <v>263</v>
      </c>
      <c r="N17" s="192" t="s">
        <v>126</v>
      </c>
      <c r="O17" s="191" t="s">
        <v>168</v>
      </c>
      <c r="P17" s="193" t="s">
        <v>146</v>
      </c>
    </row>
    <row r="18" spans="1:16" ht="20.100000000000001" customHeight="1" thickTop="1" x14ac:dyDescent="0.2">
      <c r="A18" s="102" t="s">
        <v>17</v>
      </c>
      <c r="B18" s="213">
        <v>0</v>
      </c>
      <c r="C18" s="214">
        <v>0</v>
      </c>
      <c r="D18" s="215">
        <v>0</v>
      </c>
      <c r="E18" s="216">
        <v>0</v>
      </c>
      <c r="F18" s="176" t="s">
        <v>318</v>
      </c>
      <c r="G18" s="195">
        <v>0</v>
      </c>
      <c r="H18" s="196">
        <v>0</v>
      </c>
      <c r="I18" s="197">
        <v>0</v>
      </c>
      <c r="J18" s="196">
        <v>0</v>
      </c>
      <c r="K18" s="176" t="s">
        <v>318</v>
      </c>
      <c r="L18" s="195">
        <v>0</v>
      </c>
      <c r="M18" s="196">
        <v>0</v>
      </c>
      <c r="N18" s="197">
        <v>0</v>
      </c>
      <c r="O18" s="196">
        <v>0</v>
      </c>
      <c r="P18" s="176" t="s">
        <v>318</v>
      </c>
    </row>
    <row r="19" spans="1:16" ht="20.100000000000001" customHeight="1" x14ac:dyDescent="0.2">
      <c r="A19" s="103" t="s">
        <v>18</v>
      </c>
      <c r="B19" s="195">
        <v>1</v>
      </c>
      <c r="C19" s="196">
        <v>0</v>
      </c>
      <c r="D19" s="197">
        <v>0.5</v>
      </c>
      <c r="E19" s="196">
        <v>0</v>
      </c>
      <c r="F19" s="72">
        <v>0</v>
      </c>
      <c r="G19" s="199">
        <v>1</v>
      </c>
      <c r="H19" s="200">
        <v>0</v>
      </c>
      <c r="I19" s="197">
        <v>0.5</v>
      </c>
      <c r="J19" s="200">
        <v>0</v>
      </c>
      <c r="K19" s="72">
        <v>0</v>
      </c>
      <c r="L19" s="199">
        <v>0</v>
      </c>
      <c r="M19" s="200">
        <v>0</v>
      </c>
      <c r="N19" s="197">
        <v>0</v>
      </c>
      <c r="O19" s="200">
        <v>0</v>
      </c>
      <c r="P19" s="227" t="s">
        <v>318</v>
      </c>
    </row>
    <row r="20" spans="1:16" ht="20.100000000000001" customHeight="1" x14ac:dyDescent="0.2">
      <c r="A20" s="103" t="s">
        <v>19</v>
      </c>
      <c r="B20" s="195">
        <v>126</v>
      </c>
      <c r="C20" s="196">
        <v>120</v>
      </c>
      <c r="D20" s="197">
        <v>123</v>
      </c>
      <c r="E20" s="196">
        <v>20</v>
      </c>
      <c r="F20" s="72">
        <v>0.16260162601626016</v>
      </c>
      <c r="G20" s="199">
        <v>122</v>
      </c>
      <c r="H20" s="200">
        <v>116</v>
      </c>
      <c r="I20" s="197">
        <v>119</v>
      </c>
      <c r="J20" s="200">
        <v>20</v>
      </c>
      <c r="K20" s="72">
        <v>0.16806722689075632</v>
      </c>
      <c r="L20" s="199">
        <v>4</v>
      </c>
      <c r="M20" s="200">
        <v>4</v>
      </c>
      <c r="N20" s="197">
        <v>4</v>
      </c>
      <c r="O20" s="200">
        <v>0</v>
      </c>
      <c r="P20" s="72">
        <v>0</v>
      </c>
    </row>
    <row r="21" spans="1:16" ht="20.100000000000001" customHeight="1" thickBot="1" x14ac:dyDescent="0.25">
      <c r="A21" s="104" t="s">
        <v>20</v>
      </c>
      <c r="B21" s="218">
        <v>11</v>
      </c>
      <c r="C21" s="219">
        <v>11</v>
      </c>
      <c r="D21" s="220">
        <v>11</v>
      </c>
      <c r="E21" s="219">
        <v>5</v>
      </c>
      <c r="F21" s="62">
        <v>0.45454545454545453</v>
      </c>
      <c r="G21" s="218">
        <v>10</v>
      </c>
      <c r="H21" s="219">
        <v>11</v>
      </c>
      <c r="I21" s="220">
        <v>10.5</v>
      </c>
      <c r="J21" s="219">
        <v>2</v>
      </c>
      <c r="K21" s="62">
        <v>0.19047619047619047</v>
      </c>
      <c r="L21" s="218">
        <v>1</v>
      </c>
      <c r="M21" s="219">
        <v>0</v>
      </c>
      <c r="N21" s="220">
        <v>0.5</v>
      </c>
      <c r="O21" s="219">
        <v>3</v>
      </c>
      <c r="P21" s="62">
        <v>6</v>
      </c>
    </row>
    <row r="22" spans="1:16" s="96" customFormat="1" ht="20.100000000000001" customHeight="1" thickTop="1" thickBot="1" x14ac:dyDescent="0.25">
      <c r="A22" s="101" t="s">
        <v>15</v>
      </c>
      <c r="B22" s="209">
        <v>138</v>
      </c>
      <c r="C22" s="212">
        <v>131</v>
      </c>
      <c r="D22" s="211">
        <v>134.5</v>
      </c>
      <c r="E22" s="212">
        <v>25</v>
      </c>
      <c r="F22" s="170">
        <v>0.18587360594795538</v>
      </c>
      <c r="G22" s="209">
        <v>133</v>
      </c>
      <c r="H22" s="210">
        <v>127</v>
      </c>
      <c r="I22" s="211">
        <v>130</v>
      </c>
      <c r="J22" s="212">
        <v>22</v>
      </c>
      <c r="K22" s="170">
        <v>0.16923076923076924</v>
      </c>
      <c r="L22" s="209">
        <v>5</v>
      </c>
      <c r="M22" s="210">
        <v>4</v>
      </c>
      <c r="N22" s="211">
        <v>4.5</v>
      </c>
      <c r="O22" s="212">
        <v>3</v>
      </c>
      <c r="P22" s="170">
        <v>0.66666666666666663</v>
      </c>
    </row>
    <row r="23" spans="1:16" ht="20.100000000000001" customHeight="1" x14ac:dyDescent="0.2">
      <c r="B23" s="180"/>
      <c r="C23" s="180"/>
      <c r="D23" s="181"/>
      <c r="E23" s="180"/>
      <c r="F23" s="182"/>
      <c r="G23" s="180"/>
      <c r="H23" s="180"/>
      <c r="I23" s="181"/>
      <c r="J23" s="180"/>
      <c r="K23" s="182"/>
      <c r="L23" s="180"/>
      <c r="M23" s="180"/>
      <c r="N23" s="181"/>
      <c r="O23" s="180"/>
      <c r="P23" s="182"/>
    </row>
    <row r="24" spans="1:16" ht="20.100000000000001" customHeight="1" thickBot="1" x14ac:dyDescent="0.25">
      <c r="A24" s="95" t="s">
        <v>21</v>
      </c>
      <c r="B24" s="180"/>
      <c r="C24" s="180"/>
      <c r="D24" s="181"/>
      <c r="E24" s="180"/>
      <c r="F24" s="182"/>
      <c r="G24" s="221"/>
      <c r="H24" s="221"/>
      <c r="I24" s="222"/>
      <c r="J24" s="221"/>
      <c r="K24" s="223"/>
      <c r="L24" s="221"/>
      <c r="M24" s="221"/>
      <c r="N24" s="222"/>
      <c r="O24" s="221"/>
      <c r="P24" s="182"/>
    </row>
    <row r="25" spans="1:16" ht="20.100000000000001" customHeight="1" x14ac:dyDescent="0.2">
      <c r="A25" s="656" t="s">
        <v>22</v>
      </c>
      <c r="B25" s="653" t="s">
        <v>12</v>
      </c>
      <c r="C25" s="654"/>
      <c r="D25" s="654"/>
      <c r="E25" s="654"/>
      <c r="F25" s="655"/>
      <c r="G25" s="653" t="s">
        <v>13</v>
      </c>
      <c r="H25" s="654"/>
      <c r="I25" s="654"/>
      <c r="J25" s="654"/>
      <c r="K25" s="655"/>
      <c r="L25" s="653" t="s">
        <v>14</v>
      </c>
      <c r="M25" s="654"/>
      <c r="N25" s="654"/>
      <c r="O25" s="654"/>
      <c r="P25" s="655"/>
    </row>
    <row r="26" spans="1:16" ht="20.100000000000001" customHeight="1" thickBot="1" x14ac:dyDescent="0.25">
      <c r="A26" s="657"/>
      <c r="B26" s="190" t="s">
        <v>264</v>
      </c>
      <c r="C26" s="191" t="s">
        <v>263</v>
      </c>
      <c r="D26" s="192" t="s">
        <v>126</v>
      </c>
      <c r="E26" s="191" t="s">
        <v>168</v>
      </c>
      <c r="F26" s="193" t="s">
        <v>146</v>
      </c>
      <c r="G26" s="190" t="s">
        <v>264</v>
      </c>
      <c r="H26" s="191" t="s">
        <v>263</v>
      </c>
      <c r="I26" s="192" t="s">
        <v>126</v>
      </c>
      <c r="J26" s="191" t="s">
        <v>168</v>
      </c>
      <c r="K26" s="193" t="s">
        <v>146</v>
      </c>
      <c r="L26" s="190" t="s">
        <v>264</v>
      </c>
      <c r="M26" s="191" t="s">
        <v>263</v>
      </c>
      <c r="N26" s="192" t="s">
        <v>126</v>
      </c>
      <c r="O26" s="191" t="s">
        <v>168</v>
      </c>
      <c r="P26" s="193" t="s">
        <v>146</v>
      </c>
    </row>
    <row r="27" spans="1:16" s="96" customFormat="1" ht="20.100000000000001" customHeight="1" thickTop="1" x14ac:dyDescent="0.2">
      <c r="A27" s="97" t="s">
        <v>23</v>
      </c>
      <c r="B27" s="195">
        <v>62</v>
      </c>
      <c r="C27" s="196">
        <v>59</v>
      </c>
      <c r="D27" s="197">
        <v>60.5</v>
      </c>
      <c r="E27" s="196">
        <v>13</v>
      </c>
      <c r="F27" s="72">
        <v>0.21487603305785125</v>
      </c>
      <c r="G27" s="195">
        <v>58</v>
      </c>
      <c r="H27" s="196">
        <v>57</v>
      </c>
      <c r="I27" s="197">
        <v>57.5</v>
      </c>
      <c r="J27" s="196">
        <v>12</v>
      </c>
      <c r="K27" s="72">
        <v>0.20869565217391303</v>
      </c>
      <c r="L27" s="195">
        <v>4</v>
      </c>
      <c r="M27" s="196">
        <v>2</v>
      </c>
      <c r="N27" s="197">
        <v>3</v>
      </c>
      <c r="O27" s="196">
        <v>1</v>
      </c>
      <c r="P27" s="72">
        <v>0.33333333333333331</v>
      </c>
    </row>
    <row r="28" spans="1:16" s="96" customFormat="1" ht="20.100000000000001" customHeight="1" x14ac:dyDescent="0.2">
      <c r="A28" s="98" t="s">
        <v>24</v>
      </c>
      <c r="B28" s="199">
        <v>24</v>
      </c>
      <c r="C28" s="200">
        <v>21</v>
      </c>
      <c r="D28" s="197">
        <v>22.5</v>
      </c>
      <c r="E28" s="200">
        <v>4</v>
      </c>
      <c r="F28" s="72">
        <v>0.17777777777777778</v>
      </c>
      <c r="G28" s="199">
        <v>23</v>
      </c>
      <c r="H28" s="200">
        <v>20</v>
      </c>
      <c r="I28" s="197">
        <v>21.5</v>
      </c>
      <c r="J28" s="200">
        <v>4</v>
      </c>
      <c r="K28" s="72">
        <v>0.18604651162790697</v>
      </c>
      <c r="L28" s="199">
        <v>1</v>
      </c>
      <c r="M28" s="200">
        <v>1</v>
      </c>
      <c r="N28" s="197">
        <v>1</v>
      </c>
      <c r="O28" s="200">
        <v>0</v>
      </c>
      <c r="P28" s="72">
        <v>0</v>
      </c>
    </row>
    <row r="29" spans="1:16" s="96" customFormat="1" ht="20.100000000000001" customHeight="1" x14ac:dyDescent="0.2">
      <c r="A29" s="98" t="s">
        <v>25</v>
      </c>
      <c r="B29" s="199">
        <v>14</v>
      </c>
      <c r="C29" s="200">
        <v>14</v>
      </c>
      <c r="D29" s="197">
        <v>14</v>
      </c>
      <c r="E29" s="200">
        <v>1</v>
      </c>
      <c r="F29" s="72">
        <v>7.1428571428571425E-2</v>
      </c>
      <c r="G29" s="199">
        <v>14</v>
      </c>
      <c r="H29" s="200">
        <v>13</v>
      </c>
      <c r="I29" s="197">
        <v>13.5</v>
      </c>
      <c r="J29" s="200">
        <v>1</v>
      </c>
      <c r="K29" s="72">
        <v>7.407407407407407E-2</v>
      </c>
      <c r="L29" s="199">
        <v>0</v>
      </c>
      <c r="M29" s="200">
        <v>1</v>
      </c>
      <c r="N29" s="197">
        <v>0.5</v>
      </c>
      <c r="O29" s="200">
        <v>0</v>
      </c>
      <c r="P29" s="72">
        <v>0</v>
      </c>
    </row>
    <row r="30" spans="1:16" s="96" customFormat="1" ht="20.100000000000001" customHeight="1" x14ac:dyDescent="0.2">
      <c r="A30" s="98" t="s">
        <v>26</v>
      </c>
      <c r="B30" s="199">
        <v>15</v>
      </c>
      <c r="C30" s="200">
        <v>14</v>
      </c>
      <c r="D30" s="197">
        <v>14.5</v>
      </c>
      <c r="E30" s="200">
        <v>2</v>
      </c>
      <c r="F30" s="72">
        <v>0.13793103448275862</v>
      </c>
      <c r="G30" s="199">
        <v>15</v>
      </c>
      <c r="H30" s="200">
        <v>14</v>
      </c>
      <c r="I30" s="197">
        <v>14.5</v>
      </c>
      <c r="J30" s="200">
        <v>2</v>
      </c>
      <c r="K30" s="72">
        <v>0.13793103448275862</v>
      </c>
      <c r="L30" s="199">
        <v>0</v>
      </c>
      <c r="M30" s="200">
        <v>0</v>
      </c>
      <c r="N30" s="197">
        <v>0</v>
      </c>
      <c r="O30" s="200">
        <v>0</v>
      </c>
      <c r="P30" s="227" t="s">
        <v>318</v>
      </c>
    </row>
    <row r="31" spans="1:16" s="96" customFormat="1" ht="20.100000000000001" customHeight="1" x14ac:dyDescent="0.2">
      <c r="A31" s="98" t="s">
        <v>27</v>
      </c>
      <c r="B31" s="199">
        <v>4</v>
      </c>
      <c r="C31" s="200">
        <v>2</v>
      </c>
      <c r="D31" s="197">
        <v>3</v>
      </c>
      <c r="E31" s="200">
        <v>0</v>
      </c>
      <c r="F31" s="72">
        <v>0</v>
      </c>
      <c r="G31" s="199">
        <v>4</v>
      </c>
      <c r="H31" s="200">
        <v>2</v>
      </c>
      <c r="I31" s="197">
        <v>3</v>
      </c>
      <c r="J31" s="200">
        <v>0</v>
      </c>
      <c r="K31" s="72">
        <v>0</v>
      </c>
      <c r="L31" s="199">
        <v>0</v>
      </c>
      <c r="M31" s="200">
        <v>0</v>
      </c>
      <c r="N31" s="197">
        <v>0</v>
      </c>
      <c r="O31" s="200">
        <v>0</v>
      </c>
      <c r="P31" s="227" t="s">
        <v>318</v>
      </c>
    </row>
    <row r="32" spans="1:16" s="96" customFormat="1" ht="20.100000000000001" customHeight="1" x14ac:dyDescent="0.2">
      <c r="A32" s="98" t="s">
        <v>28</v>
      </c>
      <c r="B32" s="199">
        <v>1</v>
      </c>
      <c r="C32" s="200">
        <v>2</v>
      </c>
      <c r="D32" s="197">
        <v>1.5</v>
      </c>
      <c r="E32" s="200">
        <v>0</v>
      </c>
      <c r="F32" s="72">
        <v>0</v>
      </c>
      <c r="G32" s="199">
        <v>1</v>
      </c>
      <c r="H32" s="200">
        <v>2</v>
      </c>
      <c r="I32" s="197">
        <v>1.5</v>
      </c>
      <c r="J32" s="200">
        <v>0</v>
      </c>
      <c r="K32" s="72">
        <v>0</v>
      </c>
      <c r="L32" s="199">
        <v>0</v>
      </c>
      <c r="M32" s="200">
        <v>0</v>
      </c>
      <c r="N32" s="197">
        <v>0</v>
      </c>
      <c r="O32" s="200">
        <v>0</v>
      </c>
      <c r="P32" s="227" t="s">
        <v>318</v>
      </c>
    </row>
    <row r="33" spans="1:16" s="96" customFormat="1" ht="20.100000000000001" customHeight="1" x14ac:dyDescent="0.2">
      <c r="A33" s="98" t="s">
        <v>29</v>
      </c>
      <c r="B33" s="199">
        <v>17</v>
      </c>
      <c r="C33" s="200">
        <v>18</v>
      </c>
      <c r="D33" s="197">
        <v>17.5</v>
      </c>
      <c r="E33" s="200">
        <v>3</v>
      </c>
      <c r="F33" s="72">
        <v>0.17142857142857143</v>
      </c>
      <c r="G33" s="199">
        <v>17</v>
      </c>
      <c r="H33" s="200">
        <v>18</v>
      </c>
      <c r="I33" s="197">
        <v>17.5</v>
      </c>
      <c r="J33" s="200">
        <v>1</v>
      </c>
      <c r="K33" s="72">
        <v>5.7142857142857141E-2</v>
      </c>
      <c r="L33" s="199">
        <v>0</v>
      </c>
      <c r="M33" s="200">
        <v>0</v>
      </c>
      <c r="N33" s="197">
        <v>0</v>
      </c>
      <c r="O33" s="200">
        <v>2</v>
      </c>
      <c r="P33" s="227" t="s">
        <v>318</v>
      </c>
    </row>
    <row r="34" spans="1:16" s="96" customFormat="1" ht="20.100000000000001" customHeight="1" thickBot="1" x14ac:dyDescent="0.25">
      <c r="A34" s="106" t="s">
        <v>30</v>
      </c>
      <c r="B34" s="195">
        <v>1</v>
      </c>
      <c r="C34" s="219">
        <v>1</v>
      </c>
      <c r="D34" s="220">
        <v>1</v>
      </c>
      <c r="E34" s="219">
        <v>2</v>
      </c>
      <c r="F34" s="62">
        <v>2</v>
      </c>
      <c r="G34" s="218">
        <v>1</v>
      </c>
      <c r="H34" s="219">
        <v>1</v>
      </c>
      <c r="I34" s="220">
        <v>1</v>
      </c>
      <c r="J34" s="219">
        <v>2</v>
      </c>
      <c r="K34" s="62">
        <v>2</v>
      </c>
      <c r="L34" s="218">
        <v>0</v>
      </c>
      <c r="M34" s="219">
        <v>0</v>
      </c>
      <c r="N34" s="220">
        <v>0</v>
      </c>
      <c r="O34" s="219">
        <v>0</v>
      </c>
      <c r="P34" s="288" t="s">
        <v>318</v>
      </c>
    </row>
    <row r="35" spans="1:16" s="96" customFormat="1" ht="20.100000000000001" customHeight="1" thickTop="1" thickBot="1" x14ac:dyDescent="0.25">
      <c r="A35" s="101" t="s">
        <v>11</v>
      </c>
      <c r="B35" s="209">
        <v>138</v>
      </c>
      <c r="C35" s="210">
        <v>131</v>
      </c>
      <c r="D35" s="211">
        <v>134.5</v>
      </c>
      <c r="E35" s="212">
        <v>25</v>
      </c>
      <c r="F35" s="170">
        <v>0.18587360594795538</v>
      </c>
      <c r="G35" s="209">
        <v>133</v>
      </c>
      <c r="H35" s="210">
        <v>127</v>
      </c>
      <c r="I35" s="211">
        <v>130</v>
      </c>
      <c r="J35" s="212">
        <v>22</v>
      </c>
      <c r="K35" s="170">
        <v>0.16923076923076924</v>
      </c>
      <c r="L35" s="209">
        <v>5</v>
      </c>
      <c r="M35" s="210">
        <v>4</v>
      </c>
      <c r="N35" s="211">
        <v>4.5</v>
      </c>
      <c r="O35" s="212">
        <v>3</v>
      </c>
      <c r="P35" s="170">
        <v>0.66666666666666663</v>
      </c>
    </row>
    <row r="36" spans="1:16" ht="20.100000000000001" customHeight="1" x14ac:dyDescent="0.2">
      <c r="B36" s="94"/>
      <c r="C36" s="94"/>
      <c r="D36" s="108"/>
      <c r="E36" s="94"/>
      <c r="G36" s="105"/>
      <c r="H36" s="105"/>
      <c r="I36" s="109"/>
      <c r="J36" s="105"/>
      <c r="K36" s="111"/>
      <c r="L36" s="105"/>
      <c r="M36" s="105"/>
      <c r="N36" s="109"/>
      <c r="O36" s="105"/>
    </row>
  </sheetData>
  <mergeCells count="12">
    <mergeCell ref="A25:A26"/>
    <mergeCell ref="B25:F25"/>
    <mergeCell ref="G25:K25"/>
    <mergeCell ref="L25:P25"/>
    <mergeCell ref="A5:A6"/>
    <mergeCell ref="B5:F5"/>
    <mergeCell ref="G5:K5"/>
    <mergeCell ref="L5:P5"/>
    <mergeCell ref="A16:A17"/>
    <mergeCell ref="B16:F16"/>
    <mergeCell ref="G16:K16"/>
    <mergeCell ref="L16:P16"/>
  </mergeCells>
  <phoneticPr fontId="1"/>
  <printOptions horizontalCentered="1"/>
  <pageMargins left="0.23622047244094491" right="0.23622047244094491" top="0.55118110236220474" bottom="0.55118110236220474" header="0.31496062992125984" footer="0.31496062992125984"/>
  <pageSetup paperSize="9" scale="55" orientation="landscape" r:id="rId1"/>
  <headerFooter>
    <oddFooter>&amp;C&amp;P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K50"/>
  <sheetViews>
    <sheetView view="pageBreakPreview" zoomScale="80" zoomScaleNormal="100" zoomScaleSheetLayoutView="80" zoomScalePageLayoutView="75" workbookViewId="0"/>
  </sheetViews>
  <sheetFormatPr defaultColWidth="14.59765625" defaultRowHeight="20.100000000000001" customHeight="1" x14ac:dyDescent="0.2"/>
  <cols>
    <col min="1" max="9" width="14.59765625" style="2"/>
    <col min="10" max="10" width="14.8984375" style="2" customWidth="1"/>
    <col min="11" max="16384" width="14.59765625" style="2"/>
  </cols>
  <sheetData>
    <row r="1" spans="1:11" ht="20.100000000000001" customHeight="1" x14ac:dyDescent="0.2">
      <c r="A1" s="228" t="s">
        <v>164</v>
      </c>
      <c r="B1" s="33"/>
      <c r="C1" s="33"/>
      <c r="D1" s="33"/>
      <c r="E1" s="33"/>
      <c r="F1" s="33"/>
      <c r="G1" s="33"/>
      <c r="H1" s="33"/>
      <c r="I1" s="33"/>
      <c r="J1" s="33"/>
      <c r="K1" s="33"/>
    </row>
    <row r="2" spans="1:11" ht="20.100000000000001" customHeight="1" x14ac:dyDescent="0.2">
      <c r="A2" s="228" t="s">
        <v>166</v>
      </c>
      <c r="B2" s="33"/>
      <c r="C2" s="33"/>
      <c r="D2" s="33"/>
      <c r="E2" s="33"/>
      <c r="F2" s="33"/>
      <c r="G2" s="229"/>
      <c r="H2" s="34"/>
      <c r="I2" s="34"/>
      <c r="J2" s="34"/>
      <c r="K2" s="33"/>
    </row>
    <row r="3" spans="1:11" ht="20.100000000000001" customHeight="1" x14ac:dyDescent="0.2">
      <c r="A3" s="230"/>
      <c r="B3" s="33"/>
      <c r="C3" s="33"/>
      <c r="D3" s="33"/>
      <c r="E3" s="33"/>
      <c r="F3" s="33"/>
      <c r="G3" s="229"/>
      <c r="H3" s="34"/>
      <c r="I3" s="34"/>
      <c r="J3" s="34"/>
      <c r="K3" s="33"/>
    </row>
    <row r="4" spans="1:11" ht="20.100000000000001" customHeight="1" thickBot="1" x14ac:dyDescent="0.25">
      <c r="A4" s="33" t="s">
        <v>129</v>
      </c>
      <c r="B4" s="33"/>
      <c r="C4" s="33"/>
      <c r="D4" s="34" t="s">
        <v>267</v>
      </c>
      <c r="E4" s="34"/>
      <c r="F4" s="34"/>
      <c r="G4" s="34"/>
      <c r="H4" s="34"/>
      <c r="I4" s="34"/>
      <c r="J4" s="34"/>
      <c r="K4" s="33"/>
    </row>
    <row r="5" spans="1:11" ht="20.100000000000001" customHeight="1" x14ac:dyDescent="0.2">
      <c r="A5" s="658" t="s">
        <v>7</v>
      </c>
      <c r="B5" s="660" t="s">
        <v>31</v>
      </c>
      <c r="C5" s="661"/>
      <c r="D5" s="660" t="s">
        <v>32</v>
      </c>
      <c r="E5" s="661"/>
      <c r="F5" s="660" t="s">
        <v>33</v>
      </c>
      <c r="G5" s="662"/>
      <c r="H5" s="663" t="s">
        <v>130</v>
      </c>
      <c r="I5" s="671" t="s">
        <v>196</v>
      </c>
      <c r="J5" s="669" t="s">
        <v>202</v>
      </c>
      <c r="K5" s="33"/>
    </row>
    <row r="6" spans="1:11" ht="20.100000000000001" customHeight="1" thickBot="1" x14ac:dyDescent="0.25">
      <c r="A6" s="659"/>
      <c r="B6" s="231" t="s">
        <v>127</v>
      </c>
      <c r="C6" s="177" t="s">
        <v>128</v>
      </c>
      <c r="D6" s="231" t="s">
        <v>127</v>
      </c>
      <c r="E6" s="177" t="s">
        <v>128</v>
      </c>
      <c r="F6" s="231" t="s">
        <v>127</v>
      </c>
      <c r="G6" s="177" t="s">
        <v>128</v>
      </c>
      <c r="H6" s="664"/>
      <c r="I6" s="672"/>
      <c r="J6" s="670"/>
      <c r="K6" s="33"/>
    </row>
    <row r="7" spans="1:11" ht="20.100000000000001" customHeight="1" thickTop="1" x14ac:dyDescent="0.2">
      <c r="A7" s="232" t="s">
        <v>100</v>
      </c>
      <c r="B7" s="233">
        <v>760</v>
      </c>
      <c r="C7" s="234">
        <v>72</v>
      </c>
      <c r="D7" s="235">
        <v>487</v>
      </c>
      <c r="E7" s="236">
        <v>6</v>
      </c>
      <c r="F7" s="237">
        <v>273</v>
      </c>
      <c r="G7" s="238">
        <v>66</v>
      </c>
      <c r="H7" s="239">
        <v>832</v>
      </c>
      <c r="I7" s="240">
        <v>127</v>
      </c>
      <c r="J7" s="162">
        <v>0.15264423076923078</v>
      </c>
      <c r="K7" s="33"/>
    </row>
    <row r="8" spans="1:11" ht="20.100000000000001" customHeight="1" x14ac:dyDescent="0.2">
      <c r="A8" s="241" t="s">
        <v>8</v>
      </c>
      <c r="B8" s="233">
        <v>2196</v>
      </c>
      <c r="C8" s="234">
        <v>204</v>
      </c>
      <c r="D8" s="240">
        <v>1612</v>
      </c>
      <c r="E8" s="242">
        <v>40</v>
      </c>
      <c r="F8" s="243">
        <v>584</v>
      </c>
      <c r="G8" s="238">
        <v>164</v>
      </c>
      <c r="H8" s="239">
        <v>2400</v>
      </c>
      <c r="I8" s="240">
        <v>329</v>
      </c>
      <c r="J8" s="54">
        <v>0.13708333333333333</v>
      </c>
      <c r="K8" s="33"/>
    </row>
    <row r="9" spans="1:11" s="4" customFormat="1" ht="20.100000000000001" customHeight="1" x14ac:dyDescent="0.2">
      <c r="A9" s="241" t="s">
        <v>9</v>
      </c>
      <c r="B9" s="233">
        <v>1426</v>
      </c>
      <c r="C9" s="234">
        <v>176</v>
      </c>
      <c r="D9" s="240">
        <v>1017</v>
      </c>
      <c r="E9" s="242">
        <v>22</v>
      </c>
      <c r="F9" s="243">
        <v>409</v>
      </c>
      <c r="G9" s="238">
        <v>154</v>
      </c>
      <c r="H9" s="239">
        <v>1602</v>
      </c>
      <c r="I9" s="240">
        <v>239</v>
      </c>
      <c r="J9" s="54">
        <v>0.14918851435705369</v>
      </c>
      <c r="K9" s="33"/>
    </row>
    <row r="10" spans="1:11" s="4" customFormat="1" ht="20.100000000000001" customHeight="1" x14ac:dyDescent="0.2">
      <c r="A10" s="241" t="s">
        <v>101</v>
      </c>
      <c r="B10" s="233">
        <v>969</v>
      </c>
      <c r="C10" s="234">
        <v>176</v>
      </c>
      <c r="D10" s="240">
        <v>600</v>
      </c>
      <c r="E10" s="242">
        <v>1</v>
      </c>
      <c r="F10" s="243">
        <v>369</v>
      </c>
      <c r="G10" s="238">
        <v>175</v>
      </c>
      <c r="H10" s="239">
        <v>1145</v>
      </c>
      <c r="I10" s="240">
        <v>247</v>
      </c>
      <c r="J10" s="54">
        <v>0.21572052401746725</v>
      </c>
      <c r="K10" s="33"/>
    </row>
    <row r="11" spans="1:11" s="4" customFormat="1" ht="20.100000000000001" customHeight="1" x14ac:dyDescent="0.2">
      <c r="A11" s="241" t="s">
        <v>102</v>
      </c>
      <c r="B11" s="233">
        <v>718</v>
      </c>
      <c r="C11" s="234">
        <v>168</v>
      </c>
      <c r="D11" s="240">
        <v>377</v>
      </c>
      <c r="E11" s="242">
        <v>28</v>
      </c>
      <c r="F11" s="243">
        <v>341</v>
      </c>
      <c r="G11" s="238">
        <v>140</v>
      </c>
      <c r="H11" s="239">
        <v>886</v>
      </c>
      <c r="I11" s="240">
        <v>204</v>
      </c>
      <c r="J11" s="54">
        <v>0.23024830699774265</v>
      </c>
      <c r="K11" s="33"/>
    </row>
    <row r="12" spans="1:11" s="4" customFormat="1" ht="20.100000000000001" customHeight="1" thickBot="1" x14ac:dyDescent="0.25">
      <c r="A12" s="244" t="s">
        <v>10</v>
      </c>
      <c r="B12" s="245">
        <v>1399</v>
      </c>
      <c r="C12" s="246">
        <v>704</v>
      </c>
      <c r="D12" s="240">
        <v>799</v>
      </c>
      <c r="E12" s="247">
        <v>255</v>
      </c>
      <c r="F12" s="248">
        <v>600</v>
      </c>
      <c r="G12" s="249">
        <v>449</v>
      </c>
      <c r="H12" s="250">
        <v>2103</v>
      </c>
      <c r="I12" s="251">
        <v>532</v>
      </c>
      <c r="J12" s="62">
        <v>0.25297194484070373</v>
      </c>
      <c r="K12" s="33"/>
    </row>
    <row r="13" spans="1:11" ht="20.100000000000001" customHeight="1" thickTop="1" thickBot="1" x14ac:dyDescent="0.25">
      <c r="A13" s="252" t="s">
        <v>56</v>
      </c>
      <c r="B13" s="253">
        <v>7468</v>
      </c>
      <c r="C13" s="254">
        <v>1500</v>
      </c>
      <c r="D13" s="255">
        <v>4892</v>
      </c>
      <c r="E13" s="256">
        <v>352</v>
      </c>
      <c r="F13" s="257">
        <v>2576</v>
      </c>
      <c r="G13" s="258">
        <v>1148</v>
      </c>
      <c r="H13" s="259">
        <v>8968</v>
      </c>
      <c r="I13" s="255">
        <v>1678</v>
      </c>
      <c r="J13" s="260">
        <v>0.18710972346119537</v>
      </c>
      <c r="K13" s="33"/>
    </row>
    <row r="14" spans="1:11" ht="20.100000000000001" customHeight="1" x14ac:dyDescent="0.2">
      <c r="A14" s="33"/>
      <c r="B14" s="33"/>
      <c r="C14" s="33"/>
      <c r="D14" s="33"/>
      <c r="E14" s="33"/>
      <c r="F14" s="33"/>
      <c r="G14" s="33"/>
      <c r="H14" s="33"/>
      <c r="I14" s="33"/>
      <c r="J14" s="33"/>
      <c r="K14" s="33"/>
    </row>
    <row r="15" spans="1:11" ht="20.100000000000001" customHeight="1" thickBot="1" x14ac:dyDescent="0.25">
      <c r="A15" s="33" t="s">
        <v>103</v>
      </c>
      <c r="B15" s="33"/>
      <c r="C15" s="33"/>
      <c r="D15" s="33" t="s">
        <v>267</v>
      </c>
      <c r="E15" s="33"/>
      <c r="F15" s="33"/>
      <c r="G15" s="33"/>
      <c r="H15" s="33"/>
      <c r="I15" s="33"/>
      <c r="J15" s="33"/>
      <c r="K15" s="33"/>
    </row>
    <row r="16" spans="1:11" s="3" customFormat="1" ht="20.100000000000001" customHeight="1" x14ac:dyDescent="0.2">
      <c r="A16" s="658" t="s">
        <v>38</v>
      </c>
      <c r="B16" s="660" t="s">
        <v>31</v>
      </c>
      <c r="C16" s="661"/>
      <c r="D16" s="660" t="s">
        <v>32</v>
      </c>
      <c r="E16" s="661"/>
      <c r="F16" s="660" t="s">
        <v>33</v>
      </c>
      <c r="G16" s="662"/>
      <c r="H16" s="663" t="s">
        <v>131</v>
      </c>
      <c r="I16" s="671" t="s">
        <v>196</v>
      </c>
      <c r="J16" s="669" t="s">
        <v>202</v>
      </c>
      <c r="K16" s="34"/>
    </row>
    <row r="17" spans="1:11" s="3" customFormat="1" ht="20.100000000000001" customHeight="1" thickBot="1" x14ac:dyDescent="0.25">
      <c r="A17" s="659"/>
      <c r="B17" s="231" t="s">
        <v>127</v>
      </c>
      <c r="C17" s="177" t="s">
        <v>128</v>
      </c>
      <c r="D17" s="231" t="s">
        <v>127</v>
      </c>
      <c r="E17" s="177" t="s">
        <v>128</v>
      </c>
      <c r="F17" s="231" t="s">
        <v>127</v>
      </c>
      <c r="G17" s="177" t="s">
        <v>128</v>
      </c>
      <c r="H17" s="664"/>
      <c r="I17" s="672"/>
      <c r="J17" s="670"/>
      <c r="K17" s="34"/>
    </row>
    <row r="18" spans="1:11" s="4" customFormat="1" ht="20.100000000000001" customHeight="1" thickTop="1" x14ac:dyDescent="0.2">
      <c r="A18" s="232" t="s">
        <v>39</v>
      </c>
      <c r="B18" s="261">
        <v>2692</v>
      </c>
      <c r="C18" s="262">
        <v>802</v>
      </c>
      <c r="D18" s="263">
        <v>1725</v>
      </c>
      <c r="E18" s="263">
        <v>214</v>
      </c>
      <c r="F18" s="237">
        <v>967</v>
      </c>
      <c r="G18" s="238">
        <v>588</v>
      </c>
      <c r="H18" s="239">
        <v>3494</v>
      </c>
      <c r="I18" s="264">
        <v>645</v>
      </c>
      <c r="J18" s="162">
        <v>0.1846021751574127</v>
      </c>
      <c r="K18" s="33"/>
    </row>
    <row r="19" spans="1:11" ht="20.100000000000001" customHeight="1" x14ac:dyDescent="0.2">
      <c r="A19" s="241" t="s">
        <v>40</v>
      </c>
      <c r="B19" s="233">
        <v>1137</v>
      </c>
      <c r="C19" s="265">
        <v>257</v>
      </c>
      <c r="D19" s="263">
        <v>737</v>
      </c>
      <c r="E19" s="263">
        <v>26</v>
      </c>
      <c r="F19" s="243">
        <v>400</v>
      </c>
      <c r="G19" s="238">
        <v>231</v>
      </c>
      <c r="H19" s="239">
        <v>1394</v>
      </c>
      <c r="I19" s="264">
        <v>276</v>
      </c>
      <c r="J19" s="163">
        <v>0.19799139167862267</v>
      </c>
      <c r="K19" s="33"/>
    </row>
    <row r="20" spans="1:11" s="4" customFormat="1" ht="20.100000000000001" customHeight="1" x14ac:dyDescent="0.2">
      <c r="A20" s="241" t="s">
        <v>41</v>
      </c>
      <c r="B20" s="233">
        <v>774</v>
      </c>
      <c r="C20" s="265">
        <v>172</v>
      </c>
      <c r="D20" s="263">
        <v>604</v>
      </c>
      <c r="E20" s="263">
        <v>103</v>
      </c>
      <c r="F20" s="243">
        <v>170</v>
      </c>
      <c r="G20" s="238">
        <v>69</v>
      </c>
      <c r="H20" s="239">
        <v>946</v>
      </c>
      <c r="I20" s="264">
        <v>206</v>
      </c>
      <c r="J20" s="163">
        <v>0.21775898520084566</v>
      </c>
      <c r="K20" s="33"/>
    </row>
    <row r="21" spans="1:11" s="4" customFormat="1" ht="20.100000000000001" customHeight="1" x14ac:dyDescent="0.2">
      <c r="A21" s="241" t="s">
        <v>42</v>
      </c>
      <c r="B21" s="233">
        <v>672</v>
      </c>
      <c r="C21" s="265">
        <v>101</v>
      </c>
      <c r="D21" s="263">
        <v>354</v>
      </c>
      <c r="E21" s="263">
        <v>0</v>
      </c>
      <c r="F21" s="243">
        <v>318</v>
      </c>
      <c r="G21" s="238">
        <v>101</v>
      </c>
      <c r="H21" s="239">
        <v>773</v>
      </c>
      <c r="I21" s="264">
        <v>148</v>
      </c>
      <c r="J21" s="163">
        <v>0.19146183699870634</v>
      </c>
      <c r="K21" s="33"/>
    </row>
    <row r="22" spans="1:11" s="4" customFormat="1" ht="20.100000000000001" customHeight="1" x14ac:dyDescent="0.2">
      <c r="A22" s="241" t="s">
        <v>43</v>
      </c>
      <c r="B22" s="233">
        <v>356</v>
      </c>
      <c r="C22" s="265">
        <v>39</v>
      </c>
      <c r="D22" s="263">
        <v>225</v>
      </c>
      <c r="E22" s="263">
        <v>0</v>
      </c>
      <c r="F22" s="243">
        <v>131</v>
      </c>
      <c r="G22" s="238">
        <v>39</v>
      </c>
      <c r="H22" s="239">
        <v>395</v>
      </c>
      <c r="I22" s="264">
        <v>37</v>
      </c>
      <c r="J22" s="163">
        <v>9.3670886075949367E-2</v>
      </c>
      <c r="K22" s="33"/>
    </row>
    <row r="23" spans="1:11" s="4" customFormat="1" ht="20.100000000000001" customHeight="1" x14ac:dyDescent="0.2">
      <c r="A23" s="241" t="s">
        <v>44</v>
      </c>
      <c r="B23" s="233">
        <v>796</v>
      </c>
      <c r="C23" s="265">
        <v>67</v>
      </c>
      <c r="D23" s="263">
        <v>537</v>
      </c>
      <c r="E23" s="263">
        <v>0</v>
      </c>
      <c r="F23" s="243">
        <v>259</v>
      </c>
      <c r="G23" s="238">
        <v>67</v>
      </c>
      <c r="H23" s="239">
        <v>863</v>
      </c>
      <c r="I23" s="264">
        <v>129</v>
      </c>
      <c r="J23" s="163">
        <v>0.14947856315179606</v>
      </c>
      <c r="K23" s="33"/>
    </row>
    <row r="24" spans="1:11" ht="20.100000000000001" customHeight="1" x14ac:dyDescent="0.2">
      <c r="A24" s="241" t="s">
        <v>45</v>
      </c>
      <c r="B24" s="233">
        <v>768</v>
      </c>
      <c r="C24" s="234">
        <v>46</v>
      </c>
      <c r="D24" s="243">
        <v>571</v>
      </c>
      <c r="E24" s="263">
        <v>4</v>
      </c>
      <c r="F24" s="243">
        <v>197</v>
      </c>
      <c r="G24" s="238">
        <v>42</v>
      </c>
      <c r="H24" s="239">
        <v>814</v>
      </c>
      <c r="I24" s="264">
        <v>195</v>
      </c>
      <c r="J24" s="163">
        <v>0.23955773955773957</v>
      </c>
      <c r="K24" s="33"/>
    </row>
    <row r="25" spans="1:11" ht="20.100000000000001" customHeight="1" thickBot="1" x14ac:dyDescent="0.25">
      <c r="A25" s="244" t="s">
        <v>46</v>
      </c>
      <c r="B25" s="245">
        <v>273</v>
      </c>
      <c r="C25" s="246">
        <v>16</v>
      </c>
      <c r="D25" s="248">
        <v>139</v>
      </c>
      <c r="E25" s="263">
        <v>5</v>
      </c>
      <c r="F25" s="248">
        <v>134</v>
      </c>
      <c r="G25" s="249">
        <v>11</v>
      </c>
      <c r="H25" s="239">
        <v>289</v>
      </c>
      <c r="I25" s="245">
        <v>42</v>
      </c>
      <c r="J25" s="164">
        <v>0.1453287197231834</v>
      </c>
      <c r="K25" s="33"/>
    </row>
    <row r="26" spans="1:11" ht="20.100000000000001" customHeight="1" thickTop="1" thickBot="1" x14ac:dyDescent="0.25">
      <c r="A26" s="266" t="s">
        <v>11</v>
      </c>
      <c r="B26" s="257">
        <v>7468</v>
      </c>
      <c r="C26" s="267">
        <v>1500</v>
      </c>
      <c r="D26" s="257">
        <v>4892</v>
      </c>
      <c r="E26" s="268">
        <v>352</v>
      </c>
      <c r="F26" s="257">
        <v>2576</v>
      </c>
      <c r="G26" s="258">
        <v>1148</v>
      </c>
      <c r="H26" s="259">
        <v>8968</v>
      </c>
      <c r="I26" s="269">
        <v>1678</v>
      </c>
      <c r="J26" s="260">
        <v>0.18710972346119537</v>
      </c>
      <c r="K26" s="33"/>
    </row>
    <row r="27" spans="1:11" ht="20.100000000000001" customHeight="1" x14ac:dyDescent="0.2">
      <c r="A27" s="33"/>
      <c r="B27" s="33"/>
      <c r="C27" s="33"/>
      <c r="D27" s="33"/>
      <c r="E27" s="33"/>
      <c r="F27" s="33"/>
      <c r="G27" s="33"/>
      <c r="H27" s="33"/>
      <c r="I27" s="33"/>
      <c r="J27" s="33"/>
      <c r="K27" s="33"/>
    </row>
    <row r="28" spans="1:11" s="33" customFormat="1" ht="20.100000000000001" customHeight="1" thickBot="1" x14ac:dyDescent="0.25">
      <c r="A28" s="33" t="s">
        <v>203</v>
      </c>
      <c r="D28" s="33" t="s">
        <v>267</v>
      </c>
    </row>
    <row r="29" spans="1:11" s="33" customFormat="1" ht="20.100000000000001" customHeight="1" x14ac:dyDescent="0.2">
      <c r="A29" s="676" t="s">
        <v>182</v>
      </c>
      <c r="B29" s="665" t="s">
        <v>197</v>
      </c>
      <c r="C29" s="667" t="s">
        <v>199</v>
      </c>
      <c r="D29" s="674" t="s">
        <v>198</v>
      </c>
      <c r="E29" s="669" t="s">
        <v>201</v>
      </c>
    </row>
    <row r="30" spans="1:11" s="34" customFormat="1" ht="20.100000000000001" customHeight="1" thickBot="1" x14ac:dyDescent="0.25">
      <c r="A30" s="677"/>
      <c r="B30" s="666"/>
      <c r="C30" s="668"/>
      <c r="D30" s="675"/>
      <c r="E30" s="673"/>
      <c r="F30" s="270" t="s">
        <v>200</v>
      </c>
    </row>
    <row r="31" spans="1:11" s="33" customFormat="1" ht="20.100000000000001" customHeight="1" thickTop="1" x14ac:dyDescent="0.2">
      <c r="A31" s="35" t="s">
        <v>86</v>
      </c>
      <c r="B31" s="271">
        <v>15</v>
      </c>
      <c r="C31" s="272">
        <v>31</v>
      </c>
      <c r="D31" s="273">
        <v>85</v>
      </c>
      <c r="E31" s="173">
        <v>2.7419354838709675</v>
      </c>
    </row>
    <row r="32" spans="1:11" s="33" customFormat="1" ht="20.100000000000001" customHeight="1" x14ac:dyDescent="0.2">
      <c r="A32" s="36" t="s">
        <v>87</v>
      </c>
      <c r="B32" s="274">
        <v>26</v>
      </c>
      <c r="C32" s="275">
        <v>41</v>
      </c>
      <c r="D32" s="276">
        <v>157</v>
      </c>
      <c r="E32" s="173">
        <v>3.8292682926829267</v>
      </c>
    </row>
    <row r="33" spans="1:11" s="33" customFormat="1" ht="20.100000000000001" customHeight="1" x14ac:dyDescent="0.2">
      <c r="A33" s="36" t="s">
        <v>88</v>
      </c>
      <c r="B33" s="274">
        <v>8</v>
      </c>
      <c r="C33" s="275">
        <v>31</v>
      </c>
      <c r="D33" s="276">
        <v>165</v>
      </c>
      <c r="E33" s="173">
        <v>5.32258064516129</v>
      </c>
    </row>
    <row r="34" spans="1:11" s="33" customFormat="1" ht="20.100000000000001" customHeight="1" x14ac:dyDescent="0.2">
      <c r="A34" s="36" t="s">
        <v>89</v>
      </c>
      <c r="B34" s="274">
        <v>4</v>
      </c>
      <c r="C34" s="275">
        <v>18</v>
      </c>
      <c r="D34" s="276">
        <v>136</v>
      </c>
      <c r="E34" s="173">
        <v>7.5555555555555554</v>
      </c>
    </row>
    <row r="35" spans="1:11" s="33" customFormat="1" ht="20.100000000000001" customHeight="1" x14ac:dyDescent="0.2">
      <c r="A35" s="36" t="s">
        <v>90</v>
      </c>
      <c r="B35" s="274">
        <v>4</v>
      </c>
      <c r="C35" s="275">
        <v>11</v>
      </c>
      <c r="D35" s="276">
        <v>76</v>
      </c>
      <c r="E35" s="173">
        <v>6.9090909090909092</v>
      </c>
    </row>
    <row r="36" spans="1:11" s="33" customFormat="1" ht="20.100000000000001" customHeight="1" thickBot="1" x14ac:dyDescent="0.25">
      <c r="A36" s="37" t="s">
        <v>10</v>
      </c>
      <c r="B36" s="277">
        <v>5</v>
      </c>
      <c r="C36" s="278">
        <v>15</v>
      </c>
      <c r="D36" s="279">
        <v>156</v>
      </c>
      <c r="E36" s="174">
        <v>10.4</v>
      </c>
    </row>
    <row r="37" spans="1:11" s="33" customFormat="1" ht="20.100000000000001" customHeight="1" thickTop="1" thickBot="1" x14ac:dyDescent="0.25">
      <c r="A37" s="38" t="s">
        <v>76</v>
      </c>
      <c r="B37" s="76">
        <v>62</v>
      </c>
      <c r="C37" s="77">
        <v>147</v>
      </c>
      <c r="D37" s="78">
        <v>775</v>
      </c>
      <c r="E37" s="175">
        <v>5.2721088435374153</v>
      </c>
    </row>
    <row r="38" spans="1:11" ht="20.100000000000001" customHeight="1" x14ac:dyDescent="0.2">
      <c r="A38" s="33"/>
      <c r="B38" s="33"/>
      <c r="C38" s="33"/>
      <c r="D38" s="33"/>
      <c r="E38" s="33"/>
      <c r="F38" s="33"/>
      <c r="G38" s="33"/>
      <c r="H38" s="33"/>
      <c r="I38" s="33"/>
      <c r="J38" s="33"/>
      <c r="K38" s="33"/>
    </row>
    <row r="39" spans="1:11" ht="20.100000000000001" customHeight="1" thickBot="1" x14ac:dyDescent="0.25">
      <c r="A39" s="33" t="s">
        <v>204</v>
      </c>
      <c r="B39" s="33"/>
      <c r="C39" s="33"/>
      <c r="D39" s="33" t="s">
        <v>267</v>
      </c>
      <c r="E39" s="33"/>
      <c r="F39" s="33"/>
      <c r="G39" s="33"/>
      <c r="H39" s="33"/>
      <c r="I39" s="33"/>
      <c r="J39" s="33"/>
      <c r="K39" s="33"/>
    </row>
    <row r="40" spans="1:11" ht="20.100000000000001" customHeight="1" x14ac:dyDescent="0.2">
      <c r="A40" s="658" t="s">
        <v>38</v>
      </c>
      <c r="B40" s="665" t="s">
        <v>197</v>
      </c>
      <c r="C40" s="667" t="s">
        <v>199</v>
      </c>
      <c r="D40" s="674" t="s">
        <v>198</v>
      </c>
      <c r="E40" s="669" t="s">
        <v>201</v>
      </c>
      <c r="F40" s="33"/>
      <c r="G40" s="33"/>
      <c r="H40" s="33"/>
      <c r="I40" s="33"/>
      <c r="J40" s="33"/>
      <c r="K40" s="33"/>
    </row>
    <row r="41" spans="1:11" ht="20.100000000000001" customHeight="1" thickBot="1" x14ac:dyDescent="0.25">
      <c r="A41" s="659"/>
      <c r="B41" s="666"/>
      <c r="C41" s="668"/>
      <c r="D41" s="675"/>
      <c r="E41" s="673"/>
      <c r="F41" s="270" t="s">
        <v>200</v>
      </c>
      <c r="G41" s="33"/>
      <c r="H41" s="33"/>
      <c r="I41" s="33"/>
      <c r="J41" s="33"/>
      <c r="K41" s="33"/>
    </row>
    <row r="42" spans="1:11" ht="20.100000000000001" customHeight="1" thickTop="1" x14ac:dyDescent="0.2">
      <c r="A42" s="232" t="s">
        <v>39</v>
      </c>
      <c r="B42" s="271">
        <v>25</v>
      </c>
      <c r="C42" s="272">
        <v>56</v>
      </c>
      <c r="D42" s="273">
        <v>306</v>
      </c>
      <c r="E42" s="173">
        <v>5.4642857142857144</v>
      </c>
      <c r="F42" s="33"/>
      <c r="G42" s="33"/>
      <c r="H42" s="33"/>
      <c r="I42" s="33"/>
      <c r="J42" s="33"/>
      <c r="K42" s="33"/>
    </row>
    <row r="43" spans="1:11" ht="20.100000000000001" customHeight="1" x14ac:dyDescent="0.2">
      <c r="A43" s="241" t="s">
        <v>40</v>
      </c>
      <c r="B43" s="271">
        <v>3</v>
      </c>
      <c r="C43" s="272">
        <v>25</v>
      </c>
      <c r="D43" s="276">
        <v>153</v>
      </c>
      <c r="E43" s="173">
        <v>6.12</v>
      </c>
      <c r="F43" s="33"/>
      <c r="G43" s="33"/>
      <c r="H43" s="33"/>
      <c r="I43" s="33"/>
      <c r="J43" s="33"/>
      <c r="K43" s="33"/>
    </row>
    <row r="44" spans="1:11" ht="20.100000000000001" customHeight="1" x14ac:dyDescent="0.2">
      <c r="A44" s="241" t="s">
        <v>41</v>
      </c>
      <c r="B44" s="274">
        <v>5</v>
      </c>
      <c r="C44" s="274">
        <v>16</v>
      </c>
      <c r="D44" s="280">
        <v>60</v>
      </c>
      <c r="E44" s="173">
        <v>3.75</v>
      </c>
      <c r="F44" s="33"/>
      <c r="G44" s="33"/>
      <c r="H44" s="33"/>
      <c r="I44" s="33"/>
      <c r="J44" s="33"/>
      <c r="K44" s="33"/>
    </row>
    <row r="45" spans="1:11" ht="20.100000000000001" customHeight="1" x14ac:dyDescent="0.2">
      <c r="A45" s="241" t="s">
        <v>42</v>
      </c>
      <c r="B45" s="274">
        <v>5</v>
      </c>
      <c r="C45" s="274">
        <v>15</v>
      </c>
      <c r="D45" s="280">
        <v>80</v>
      </c>
      <c r="E45" s="173">
        <v>5.333333333333333</v>
      </c>
      <c r="F45" s="33"/>
      <c r="G45" s="33"/>
      <c r="H45" s="33"/>
      <c r="I45" s="33"/>
      <c r="J45" s="33"/>
      <c r="K45" s="33"/>
    </row>
    <row r="46" spans="1:11" ht="20.100000000000001" customHeight="1" x14ac:dyDescent="0.2">
      <c r="A46" s="241" t="s">
        <v>43</v>
      </c>
      <c r="B46" s="274">
        <v>4</v>
      </c>
      <c r="C46" s="274">
        <v>8</v>
      </c>
      <c r="D46" s="280">
        <v>38</v>
      </c>
      <c r="E46" s="173">
        <v>4.75</v>
      </c>
      <c r="F46" s="33"/>
      <c r="G46" s="33"/>
      <c r="H46" s="33"/>
      <c r="I46" s="33"/>
      <c r="J46" s="33"/>
      <c r="K46" s="33"/>
    </row>
    <row r="47" spans="1:11" ht="20.100000000000001" customHeight="1" x14ac:dyDescent="0.2">
      <c r="A47" s="241" t="s">
        <v>44</v>
      </c>
      <c r="B47" s="274">
        <v>6</v>
      </c>
      <c r="C47" s="275">
        <v>8</v>
      </c>
      <c r="D47" s="276">
        <v>55</v>
      </c>
      <c r="E47" s="173">
        <v>6.875</v>
      </c>
      <c r="F47" s="33"/>
      <c r="G47" s="33"/>
      <c r="H47" s="33"/>
      <c r="I47" s="33"/>
      <c r="J47" s="33"/>
      <c r="K47" s="33"/>
    </row>
    <row r="48" spans="1:11" ht="20.100000000000001" customHeight="1" x14ac:dyDescent="0.2">
      <c r="A48" s="241" t="s">
        <v>45</v>
      </c>
      <c r="B48" s="274">
        <v>9</v>
      </c>
      <c r="C48" s="275">
        <v>12</v>
      </c>
      <c r="D48" s="276">
        <v>49</v>
      </c>
      <c r="E48" s="173">
        <v>4.083333333333333</v>
      </c>
      <c r="F48" s="33"/>
      <c r="G48" s="33"/>
      <c r="H48" s="33"/>
      <c r="I48" s="33"/>
      <c r="J48" s="33"/>
      <c r="K48" s="33"/>
    </row>
    <row r="49" spans="1:11" ht="20.100000000000001" customHeight="1" thickBot="1" x14ac:dyDescent="0.25">
      <c r="A49" s="244" t="s">
        <v>46</v>
      </c>
      <c r="B49" s="277">
        <v>5</v>
      </c>
      <c r="C49" s="278">
        <v>7</v>
      </c>
      <c r="D49" s="279">
        <v>34</v>
      </c>
      <c r="E49" s="174">
        <v>4.8571428571428568</v>
      </c>
      <c r="F49" s="33"/>
      <c r="G49" s="33"/>
      <c r="H49" s="33"/>
      <c r="I49" s="33"/>
      <c r="J49" s="33"/>
      <c r="K49" s="33"/>
    </row>
    <row r="50" spans="1:11" ht="20.100000000000001" customHeight="1" thickTop="1" thickBot="1" x14ac:dyDescent="0.25">
      <c r="A50" s="266" t="s">
        <v>11</v>
      </c>
      <c r="B50" s="76">
        <v>62</v>
      </c>
      <c r="C50" s="77">
        <v>147</v>
      </c>
      <c r="D50" s="78">
        <v>775</v>
      </c>
      <c r="E50" s="175">
        <v>5.2721088435374153</v>
      </c>
      <c r="F50" s="33"/>
      <c r="G50" s="33"/>
      <c r="H50" s="33"/>
      <c r="I50" s="33"/>
      <c r="J50" s="33"/>
      <c r="K50" s="33"/>
    </row>
  </sheetData>
  <mergeCells count="24">
    <mergeCell ref="A29:A30"/>
    <mergeCell ref="A16:A17"/>
    <mergeCell ref="B16:C16"/>
    <mergeCell ref="D16:E16"/>
    <mergeCell ref="A40:A41"/>
    <mergeCell ref="B40:B41"/>
    <mergeCell ref="C40:C41"/>
    <mergeCell ref="D40:D41"/>
    <mergeCell ref="E40:E41"/>
    <mergeCell ref="F16:G16"/>
    <mergeCell ref="B29:B30"/>
    <mergeCell ref="C29:C30"/>
    <mergeCell ref="H16:H17"/>
    <mergeCell ref="J5:J6"/>
    <mergeCell ref="J16:J17"/>
    <mergeCell ref="I5:I6"/>
    <mergeCell ref="I16:I17"/>
    <mergeCell ref="E29:E30"/>
    <mergeCell ref="D29:D30"/>
    <mergeCell ref="A5:A6"/>
    <mergeCell ref="B5:C5"/>
    <mergeCell ref="D5:E5"/>
    <mergeCell ref="F5:G5"/>
    <mergeCell ref="H5:H6"/>
  </mergeCells>
  <phoneticPr fontId="1"/>
  <pageMargins left="0.82677165354330717" right="0.23622047244094491" top="0.55118110236220474" bottom="0.35433070866141736" header="0.31496062992125984" footer="0.31496062992125984"/>
  <pageSetup paperSize="9" scale="55" orientation="landscape" r:id="rId1"/>
  <headerFooter>
    <oddFooter>&amp;C&amp;P</oddFooter>
  </headerFooter>
  <rowBreaks count="1" manualBreakCount="1">
    <brk id="50" max="10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J35"/>
  <sheetViews>
    <sheetView view="pageBreakPreview" zoomScale="80" zoomScaleNormal="80" zoomScaleSheetLayoutView="80" zoomScalePageLayoutView="50" workbookViewId="0"/>
  </sheetViews>
  <sheetFormatPr defaultColWidth="14.59765625" defaultRowHeight="20.100000000000001" customHeight="1" x14ac:dyDescent="0.2"/>
  <cols>
    <col min="1" max="3" width="14.59765625" style="112"/>
    <col min="4" max="4" width="14.59765625" style="116"/>
    <col min="5" max="6" width="14.59765625" style="112"/>
    <col min="7" max="7" width="14.59765625" style="110"/>
    <col min="8" max="9" width="14.59765625" style="112"/>
    <col min="10" max="10" width="14.59765625" style="110"/>
    <col min="11" max="16384" width="14.59765625" style="112"/>
  </cols>
  <sheetData>
    <row r="1" spans="1:10" ht="20.100000000000001" customHeight="1" x14ac:dyDescent="0.2">
      <c r="A1" s="281" t="s">
        <v>141</v>
      </c>
      <c r="B1" s="282"/>
      <c r="C1" s="282"/>
      <c r="D1" s="283"/>
      <c r="E1" s="284"/>
      <c r="F1" s="284"/>
      <c r="G1" s="182"/>
      <c r="H1" s="282"/>
      <c r="I1" s="282"/>
      <c r="J1" s="182"/>
    </row>
    <row r="2" spans="1:10" ht="20.100000000000001" customHeight="1" x14ac:dyDescent="0.2">
      <c r="A2" s="285" t="s">
        <v>47</v>
      </c>
      <c r="B2" s="282"/>
      <c r="C2" s="282"/>
      <c r="D2" s="283"/>
      <c r="E2" s="284"/>
      <c r="F2" s="284"/>
      <c r="G2" s="182"/>
      <c r="H2" s="282"/>
      <c r="I2" s="282"/>
      <c r="J2" s="182"/>
    </row>
    <row r="3" spans="1:10" ht="20.100000000000001" customHeight="1" thickBot="1" x14ac:dyDescent="0.25">
      <c r="A3" s="282" t="s">
        <v>48</v>
      </c>
      <c r="B3" s="282"/>
      <c r="C3" s="284" t="s">
        <v>270</v>
      </c>
      <c r="D3" s="283"/>
      <c r="E3" s="282"/>
      <c r="F3" s="284"/>
      <c r="G3" s="182"/>
      <c r="H3" s="282"/>
      <c r="I3" s="282"/>
      <c r="J3" s="182"/>
    </row>
    <row r="4" spans="1:10" ht="20.100000000000001" customHeight="1" x14ac:dyDescent="0.2">
      <c r="A4" s="678" t="s">
        <v>7</v>
      </c>
      <c r="B4" s="680" t="s">
        <v>31</v>
      </c>
      <c r="C4" s="681"/>
      <c r="D4" s="682"/>
      <c r="E4" s="680" t="s">
        <v>32</v>
      </c>
      <c r="F4" s="681"/>
      <c r="G4" s="682"/>
      <c r="H4" s="680" t="s">
        <v>33</v>
      </c>
      <c r="I4" s="681"/>
      <c r="J4" s="682"/>
    </row>
    <row r="5" spans="1:10" ht="20.100000000000001" customHeight="1" thickBot="1" x14ac:dyDescent="0.25">
      <c r="A5" s="679"/>
      <c r="B5" s="286" t="s">
        <v>269</v>
      </c>
      <c r="C5" s="287" t="s">
        <v>268</v>
      </c>
      <c r="D5" s="288" t="s">
        <v>181</v>
      </c>
      <c r="E5" s="286" t="s">
        <v>269</v>
      </c>
      <c r="F5" s="287" t="s">
        <v>268</v>
      </c>
      <c r="G5" s="288" t="s">
        <v>181</v>
      </c>
      <c r="H5" s="286" t="s">
        <v>269</v>
      </c>
      <c r="I5" s="287" t="s">
        <v>268</v>
      </c>
      <c r="J5" s="288" t="s">
        <v>181</v>
      </c>
    </row>
    <row r="6" spans="1:10" s="113" customFormat="1" ht="20.100000000000001" customHeight="1" thickTop="1" x14ac:dyDescent="0.2">
      <c r="A6" s="289" t="s">
        <v>86</v>
      </c>
      <c r="B6" s="122">
        <v>22</v>
      </c>
      <c r="C6" s="145">
        <v>0</v>
      </c>
      <c r="D6" s="72">
        <v>0</v>
      </c>
      <c r="E6" s="118">
        <v>22</v>
      </c>
      <c r="F6" s="290">
        <v>0</v>
      </c>
      <c r="G6" s="72">
        <v>0</v>
      </c>
      <c r="H6" s="118">
        <v>0</v>
      </c>
      <c r="I6" s="290">
        <v>0</v>
      </c>
      <c r="J6" s="227" t="s">
        <v>318</v>
      </c>
    </row>
    <row r="7" spans="1:10" s="113" customFormat="1" ht="20.100000000000001" customHeight="1" x14ac:dyDescent="0.2">
      <c r="A7" s="291" t="s">
        <v>87</v>
      </c>
      <c r="B7" s="124">
        <v>123</v>
      </c>
      <c r="C7" s="292">
        <v>22</v>
      </c>
      <c r="D7" s="72">
        <v>0.17886178861788618</v>
      </c>
      <c r="E7" s="122">
        <v>122</v>
      </c>
      <c r="F7" s="290">
        <v>21</v>
      </c>
      <c r="G7" s="54">
        <v>0.1721311475409836</v>
      </c>
      <c r="H7" s="122">
        <v>1</v>
      </c>
      <c r="I7" s="290">
        <v>1</v>
      </c>
      <c r="J7" s="54">
        <v>1</v>
      </c>
    </row>
    <row r="8" spans="1:10" s="113" customFormat="1" ht="20.100000000000001" customHeight="1" x14ac:dyDescent="0.2">
      <c r="A8" s="291" t="s">
        <v>88</v>
      </c>
      <c r="B8" s="124">
        <v>259</v>
      </c>
      <c r="C8" s="292">
        <v>21</v>
      </c>
      <c r="D8" s="72">
        <v>8.1081081081081086E-2</v>
      </c>
      <c r="E8" s="122">
        <v>258</v>
      </c>
      <c r="F8" s="290">
        <v>21</v>
      </c>
      <c r="G8" s="54">
        <v>8.1395348837209308E-2</v>
      </c>
      <c r="H8" s="122">
        <v>1</v>
      </c>
      <c r="I8" s="290">
        <v>0</v>
      </c>
      <c r="J8" s="54">
        <v>0</v>
      </c>
    </row>
    <row r="9" spans="1:10" s="113" customFormat="1" ht="20.100000000000001" customHeight="1" x14ac:dyDescent="0.2">
      <c r="A9" s="291" t="s">
        <v>89</v>
      </c>
      <c r="B9" s="124">
        <v>397</v>
      </c>
      <c r="C9" s="292">
        <v>36</v>
      </c>
      <c r="D9" s="72">
        <v>9.06801007556675E-2</v>
      </c>
      <c r="E9" s="122">
        <v>397</v>
      </c>
      <c r="F9" s="290">
        <v>33</v>
      </c>
      <c r="G9" s="54">
        <v>8.3123425692695208E-2</v>
      </c>
      <c r="H9" s="122">
        <v>0</v>
      </c>
      <c r="I9" s="290">
        <v>3</v>
      </c>
      <c r="J9" s="227" t="s">
        <v>318</v>
      </c>
    </row>
    <row r="10" spans="1:10" s="113" customFormat="1" ht="20.100000000000001" customHeight="1" x14ac:dyDescent="0.2">
      <c r="A10" s="291" t="s">
        <v>90</v>
      </c>
      <c r="B10" s="124">
        <v>448</v>
      </c>
      <c r="C10" s="292">
        <v>32</v>
      </c>
      <c r="D10" s="72">
        <v>7.1428571428571425E-2</v>
      </c>
      <c r="E10" s="122">
        <v>447</v>
      </c>
      <c r="F10" s="290">
        <v>32</v>
      </c>
      <c r="G10" s="54">
        <v>7.1588366890380312E-2</v>
      </c>
      <c r="H10" s="122">
        <v>1</v>
      </c>
      <c r="I10" s="290">
        <v>0</v>
      </c>
      <c r="J10" s="54">
        <v>0</v>
      </c>
    </row>
    <row r="11" spans="1:10" s="113" customFormat="1" ht="20.100000000000001" customHeight="1" thickBot="1" x14ac:dyDescent="0.25">
      <c r="A11" s="293" t="s">
        <v>10</v>
      </c>
      <c r="B11" s="129">
        <v>1484</v>
      </c>
      <c r="C11" s="146">
        <v>117</v>
      </c>
      <c r="D11" s="62">
        <v>7.8840970350404313E-2</v>
      </c>
      <c r="E11" s="294">
        <v>1484</v>
      </c>
      <c r="F11" s="290">
        <v>117</v>
      </c>
      <c r="G11" s="62">
        <v>7.8840970350404313E-2</v>
      </c>
      <c r="H11" s="122">
        <v>0</v>
      </c>
      <c r="I11" s="290">
        <v>0</v>
      </c>
      <c r="J11" s="227" t="s">
        <v>318</v>
      </c>
    </row>
    <row r="12" spans="1:10" ht="20.100000000000001" customHeight="1" thickTop="1" thickBot="1" x14ac:dyDescent="0.25">
      <c r="A12" s="295" t="s">
        <v>15</v>
      </c>
      <c r="B12" s="147">
        <v>2733</v>
      </c>
      <c r="C12" s="148">
        <v>228</v>
      </c>
      <c r="D12" s="170">
        <v>8.3424807903402856E-2</v>
      </c>
      <c r="E12" s="149">
        <v>2730</v>
      </c>
      <c r="F12" s="149">
        <v>224</v>
      </c>
      <c r="G12" s="170">
        <v>8.2051282051282051E-2</v>
      </c>
      <c r="H12" s="147">
        <v>3</v>
      </c>
      <c r="I12" s="149">
        <v>4</v>
      </c>
      <c r="J12" s="170">
        <v>1.3333333333333333</v>
      </c>
    </row>
    <row r="13" spans="1:10" ht="20.100000000000001" customHeight="1" x14ac:dyDescent="0.2">
      <c r="A13" s="282"/>
      <c r="B13" s="282"/>
      <c r="C13" s="282"/>
      <c r="D13" s="283"/>
      <c r="E13" s="282"/>
      <c r="F13" s="282"/>
      <c r="G13" s="182"/>
      <c r="H13" s="282"/>
      <c r="I13" s="282"/>
      <c r="J13" s="182"/>
    </row>
    <row r="14" spans="1:10" ht="20.100000000000001" customHeight="1" thickBot="1" x14ac:dyDescent="0.25">
      <c r="A14" s="282" t="s">
        <v>49</v>
      </c>
      <c r="B14" s="282"/>
      <c r="C14" s="282"/>
      <c r="D14" s="283"/>
      <c r="E14" s="282"/>
      <c r="F14" s="282"/>
      <c r="G14" s="182"/>
      <c r="H14" s="282"/>
      <c r="I14" s="282"/>
      <c r="J14" s="182"/>
    </row>
    <row r="15" spans="1:10" s="114" customFormat="1" ht="20.100000000000001" customHeight="1" x14ac:dyDescent="0.2">
      <c r="A15" s="678" t="s">
        <v>133</v>
      </c>
      <c r="B15" s="680" t="s">
        <v>31</v>
      </c>
      <c r="C15" s="681"/>
      <c r="D15" s="682"/>
      <c r="E15" s="680" t="s">
        <v>32</v>
      </c>
      <c r="F15" s="681"/>
      <c r="G15" s="682"/>
      <c r="H15" s="680" t="s">
        <v>33</v>
      </c>
      <c r="I15" s="681"/>
      <c r="J15" s="682"/>
    </row>
    <row r="16" spans="1:10" s="114" customFormat="1" ht="20.100000000000001" customHeight="1" thickBot="1" x14ac:dyDescent="0.25">
      <c r="A16" s="679"/>
      <c r="B16" s="286" t="s">
        <v>269</v>
      </c>
      <c r="C16" s="287" t="s">
        <v>268</v>
      </c>
      <c r="D16" s="288" t="s">
        <v>181</v>
      </c>
      <c r="E16" s="286" t="s">
        <v>269</v>
      </c>
      <c r="F16" s="287" t="s">
        <v>268</v>
      </c>
      <c r="G16" s="288" t="s">
        <v>181</v>
      </c>
      <c r="H16" s="286" t="s">
        <v>269</v>
      </c>
      <c r="I16" s="287" t="s">
        <v>268</v>
      </c>
      <c r="J16" s="288" t="s">
        <v>181</v>
      </c>
    </row>
    <row r="17" spans="1:10" ht="20.100000000000001" customHeight="1" thickTop="1" x14ac:dyDescent="0.2">
      <c r="A17" s="289" t="s">
        <v>34</v>
      </c>
      <c r="B17" s="122">
        <v>15</v>
      </c>
      <c r="C17" s="145">
        <v>0</v>
      </c>
      <c r="D17" s="72">
        <v>0</v>
      </c>
      <c r="E17" s="118">
        <v>14</v>
      </c>
      <c r="F17" s="290">
        <v>0</v>
      </c>
      <c r="G17" s="72">
        <v>0</v>
      </c>
      <c r="H17" s="118">
        <v>1</v>
      </c>
      <c r="I17" s="290">
        <v>0</v>
      </c>
      <c r="J17" s="72">
        <v>0</v>
      </c>
    </row>
    <row r="18" spans="1:10" ht="20.100000000000001" customHeight="1" x14ac:dyDescent="0.2">
      <c r="A18" s="291" t="s">
        <v>35</v>
      </c>
      <c r="B18" s="124">
        <v>89</v>
      </c>
      <c r="C18" s="292">
        <v>3</v>
      </c>
      <c r="D18" s="72">
        <v>3.3707865168539325E-2</v>
      </c>
      <c r="E18" s="122">
        <v>89</v>
      </c>
      <c r="F18" s="290">
        <v>3</v>
      </c>
      <c r="G18" s="72">
        <v>3.3707865168539325E-2</v>
      </c>
      <c r="H18" s="122">
        <v>0</v>
      </c>
      <c r="I18" s="290">
        <v>0</v>
      </c>
      <c r="J18" s="176" t="s">
        <v>318</v>
      </c>
    </row>
    <row r="19" spans="1:10" ht="20.100000000000001" customHeight="1" x14ac:dyDescent="0.2">
      <c r="A19" s="291" t="s">
        <v>36</v>
      </c>
      <c r="B19" s="124">
        <v>2618</v>
      </c>
      <c r="C19" s="292">
        <v>223</v>
      </c>
      <c r="D19" s="72">
        <v>8.5179526355996946E-2</v>
      </c>
      <c r="E19" s="122">
        <v>2616</v>
      </c>
      <c r="F19" s="290">
        <v>219</v>
      </c>
      <c r="G19" s="72">
        <v>8.3715596330275227E-2</v>
      </c>
      <c r="H19" s="122">
        <v>2</v>
      </c>
      <c r="I19" s="290">
        <v>4</v>
      </c>
      <c r="J19" s="72">
        <v>2</v>
      </c>
    </row>
    <row r="20" spans="1:10" ht="20.100000000000001" customHeight="1" thickBot="1" x14ac:dyDescent="0.25">
      <c r="A20" s="293" t="s">
        <v>37</v>
      </c>
      <c r="B20" s="129">
        <v>11</v>
      </c>
      <c r="C20" s="146">
        <v>2</v>
      </c>
      <c r="D20" s="62">
        <v>0.18181818181818182</v>
      </c>
      <c r="E20" s="294">
        <v>11</v>
      </c>
      <c r="F20" s="290">
        <v>2</v>
      </c>
      <c r="G20" s="62">
        <v>0.18181818181818182</v>
      </c>
      <c r="H20" s="122">
        <v>0</v>
      </c>
      <c r="I20" s="290">
        <v>0</v>
      </c>
      <c r="J20" s="288" t="s">
        <v>318</v>
      </c>
    </row>
    <row r="21" spans="1:10" s="113" customFormat="1" ht="20.100000000000001" customHeight="1" thickTop="1" thickBot="1" x14ac:dyDescent="0.25">
      <c r="A21" s="296" t="s">
        <v>15</v>
      </c>
      <c r="B21" s="147">
        <v>2733</v>
      </c>
      <c r="C21" s="149">
        <v>228</v>
      </c>
      <c r="D21" s="170">
        <v>8.3424807903402856E-2</v>
      </c>
      <c r="E21" s="147">
        <v>2730</v>
      </c>
      <c r="F21" s="149">
        <v>224</v>
      </c>
      <c r="G21" s="170">
        <v>8.2051282051282051E-2</v>
      </c>
      <c r="H21" s="147">
        <v>3</v>
      </c>
      <c r="I21" s="149">
        <v>4</v>
      </c>
      <c r="J21" s="170">
        <v>1.3333333333333333</v>
      </c>
    </row>
    <row r="22" spans="1:10" ht="20.100000000000001" customHeight="1" x14ac:dyDescent="0.2">
      <c r="A22" s="282"/>
      <c r="B22" s="282"/>
      <c r="C22" s="282"/>
      <c r="D22" s="283"/>
      <c r="E22" s="282"/>
      <c r="F22" s="282"/>
      <c r="G22" s="182"/>
      <c r="H22" s="282"/>
      <c r="I22" s="282"/>
      <c r="J22" s="182"/>
    </row>
    <row r="23" spans="1:10" ht="20.100000000000001" customHeight="1" thickBot="1" x14ac:dyDescent="0.25">
      <c r="A23" s="282" t="s">
        <v>50</v>
      </c>
      <c r="B23" s="282"/>
      <c r="C23" s="282"/>
      <c r="D23" s="283"/>
      <c r="E23" s="282"/>
      <c r="F23" s="282"/>
      <c r="G23" s="182"/>
      <c r="H23" s="282"/>
      <c r="I23" s="282"/>
      <c r="J23" s="182"/>
    </row>
    <row r="24" spans="1:10" s="114" customFormat="1" ht="20.100000000000001" customHeight="1" x14ac:dyDescent="0.2">
      <c r="A24" s="678" t="s">
        <v>38</v>
      </c>
      <c r="B24" s="680" t="s">
        <v>31</v>
      </c>
      <c r="C24" s="681"/>
      <c r="D24" s="682"/>
      <c r="E24" s="680" t="s">
        <v>32</v>
      </c>
      <c r="F24" s="681"/>
      <c r="G24" s="682"/>
      <c r="H24" s="680" t="s">
        <v>33</v>
      </c>
      <c r="I24" s="681"/>
      <c r="J24" s="682"/>
    </row>
    <row r="25" spans="1:10" s="114" customFormat="1" ht="20.100000000000001" customHeight="1" thickBot="1" x14ac:dyDescent="0.25">
      <c r="A25" s="679"/>
      <c r="B25" s="286" t="s">
        <v>269</v>
      </c>
      <c r="C25" s="287" t="s">
        <v>268</v>
      </c>
      <c r="D25" s="288" t="s">
        <v>181</v>
      </c>
      <c r="E25" s="286" t="s">
        <v>269</v>
      </c>
      <c r="F25" s="287" t="s">
        <v>268</v>
      </c>
      <c r="G25" s="288" t="s">
        <v>181</v>
      </c>
      <c r="H25" s="286" t="s">
        <v>269</v>
      </c>
      <c r="I25" s="287" t="s">
        <v>268</v>
      </c>
      <c r="J25" s="288" t="s">
        <v>181</v>
      </c>
    </row>
    <row r="26" spans="1:10" ht="20.100000000000001" customHeight="1" thickTop="1" x14ac:dyDescent="0.2">
      <c r="A26" s="289" t="s">
        <v>39</v>
      </c>
      <c r="B26" s="122">
        <v>1295</v>
      </c>
      <c r="C26" s="145">
        <v>116</v>
      </c>
      <c r="D26" s="72">
        <v>8.9575289575289568E-2</v>
      </c>
      <c r="E26" s="118">
        <v>1292</v>
      </c>
      <c r="F26" s="297">
        <v>112</v>
      </c>
      <c r="G26" s="72">
        <v>8.6687306501547989E-2</v>
      </c>
      <c r="H26" s="118">
        <v>3</v>
      </c>
      <c r="I26" s="297">
        <v>4</v>
      </c>
      <c r="J26" s="72">
        <v>1.3333333333333333</v>
      </c>
    </row>
    <row r="27" spans="1:10" ht="20.100000000000001" customHeight="1" x14ac:dyDescent="0.2">
      <c r="A27" s="291" t="s">
        <v>40</v>
      </c>
      <c r="B27" s="124">
        <v>488</v>
      </c>
      <c r="C27" s="292">
        <v>37</v>
      </c>
      <c r="D27" s="72">
        <v>7.5819672131147542E-2</v>
      </c>
      <c r="E27" s="122">
        <v>488</v>
      </c>
      <c r="F27" s="290">
        <v>37</v>
      </c>
      <c r="G27" s="72">
        <v>7.5819672131147542E-2</v>
      </c>
      <c r="H27" s="122">
        <v>0</v>
      </c>
      <c r="I27" s="290">
        <v>0</v>
      </c>
      <c r="J27" s="176" t="s">
        <v>318</v>
      </c>
    </row>
    <row r="28" spans="1:10" ht="20.100000000000001" customHeight="1" x14ac:dyDescent="0.2">
      <c r="A28" s="291" t="s">
        <v>41</v>
      </c>
      <c r="B28" s="124">
        <v>235</v>
      </c>
      <c r="C28" s="292">
        <v>8</v>
      </c>
      <c r="D28" s="72">
        <v>3.4042553191489362E-2</v>
      </c>
      <c r="E28" s="122">
        <v>235</v>
      </c>
      <c r="F28" s="290">
        <v>8</v>
      </c>
      <c r="G28" s="72">
        <v>3.4042553191489362E-2</v>
      </c>
      <c r="H28" s="122">
        <v>0</v>
      </c>
      <c r="I28" s="290">
        <v>0</v>
      </c>
      <c r="J28" s="176" t="s">
        <v>318</v>
      </c>
    </row>
    <row r="29" spans="1:10" ht="20.100000000000001" customHeight="1" x14ac:dyDescent="0.2">
      <c r="A29" s="291" t="s">
        <v>42</v>
      </c>
      <c r="B29" s="124">
        <v>217</v>
      </c>
      <c r="C29" s="292">
        <v>25</v>
      </c>
      <c r="D29" s="72">
        <v>0.1152073732718894</v>
      </c>
      <c r="E29" s="122">
        <v>217</v>
      </c>
      <c r="F29" s="290">
        <v>25</v>
      </c>
      <c r="G29" s="72">
        <v>0.1152073732718894</v>
      </c>
      <c r="H29" s="122">
        <v>0</v>
      </c>
      <c r="I29" s="290">
        <v>0</v>
      </c>
      <c r="J29" s="176" t="s">
        <v>318</v>
      </c>
    </row>
    <row r="30" spans="1:10" s="113" customFormat="1" ht="20.100000000000001" customHeight="1" x14ac:dyDescent="0.2">
      <c r="A30" s="291" t="s">
        <v>43</v>
      </c>
      <c r="B30" s="124">
        <v>84</v>
      </c>
      <c r="C30" s="292">
        <v>6</v>
      </c>
      <c r="D30" s="72">
        <v>7.1428571428571425E-2</v>
      </c>
      <c r="E30" s="122">
        <v>84</v>
      </c>
      <c r="F30" s="290">
        <v>6</v>
      </c>
      <c r="G30" s="72">
        <v>7.1428571428571425E-2</v>
      </c>
      <c r="H30" s="122">
        <v>0</v>
      </c>
      <c r="I30" s="290">
        <v>0</v>
      </c>
      <c r="J30" s="176" t="s">
        <v>318</v>
      </c>
    </row>
    <row r="31" spans="1:10" ht="20.100000000000001" customHeight="1" x14ac:dyDescent="0.2">
      <c r="A31" s="291" t="s">
        <v>44</v>
      </c>
      <c r="B31" s="124">
        <v>225</v>
      </c>
      <c r="C31" s="292">
        <v>16</v>
      </c>
      <c r="D31" s="72">
        <v>7.1111111111111111E-2</v>
      </c>
      <c r="E31" s="122">
        <v>225</v>
      </c>
      <c r="F31" s="290">
        <v>16</v>
      </c>
      <c r="G31" s="72">
        <v>7.1111111111111111E-2</v>
      </c>
      <c r="H31" s="122">
        <v>0</v>
      </c>
      <c r="I31" s="290">
        <v>0</v>
      </c>
      <c r="J31" s="176" t="s">
        <v>318</v>
      </c>
    </row>
    <row r="32" spans="1:10" ht="20.100000000000001" customHeight="1" x14ac:dyDescent="0.2">
      <c r="A32" s="291" t="s">
        <v>45</v>
      </c>
      <c r="B32" s="124">
        <v>112</v>
      </c>
      <c r="C32" s="292">
        <v>9</v>
      </c>
      <c r="D32" s="72">
        <v>8.0357142857142863E-2</v>
      </c>
      <c r="E32" s="122">
        <v>112</v>
      </c>
      <c r="F32" s="290">
        <v>9</v>
      </c>
      <c r="G32" s="72">
        <v>8.0357142857142863E-2</v>
      </c>
      <c r="H32" s="122">
        <v>0</v>
      </c>
      <c r="I32" s="290">
        <v>0</v>
      </c>
      <c r="J32" s="176" t="s">
        <v>318</v>
      </c>
    </row>
    <row r="33" spans="1:10" ht="20.100000000000001" customHeight="1" thickBot="1" x14ac:dyDescent="0.25">
      <c r="A33" s="293" t="s">
        <v>46</v>
      </c>
      <c r="B33" s="129">
        <v>77</v>
      </c>
      <c r="C33" s="146">
        <v>11</v>
      </c>
      <c r="D33" s="62">
        <v>0.14285714285714285</v>
      </c>
      <c r="E33" s="294">
        <v>77</v>
      </c>
      <c r="F33" s="290">
        <v>11</v>
      </c>
      <c r="G33" s="62">
        <v>0.14285714285714285</v>
      </c>
      <c r="H33" s="294">
        <v>0</v>
      </c>
      <c r="I33" s="290">
        <v>0</v>
      </c>
      <c r="J33" s="176" t="s">
        <v>318</v>
      </c>
    </row>
    <row r="34" spans="1:10" s="113" customFormat="1" ht="20.100000000000001" customHeight="1" thickTop="1" thickBot="1" x14ac:dyDescent="0.25">
      <c r="A34" s="295" t="s">
        <v>11</v>
      </c>
      <c r="B34" s="147">
        <v>2733</v>
      </c>
      <c r="C34" s="149">
        <v>228</v>
      </c>
      <c r="D34" s="170">
        <v>8.3424807903402856E-2</v>
      </c>
      <c r="E34" s="147">
        <v>2730</v>
      </c>
      <c r="F34" s="149">
        <v>224</v>
      </c>
      <c r="G34" s="170">
        <v>8.2051282051282051E-2</v>
      </c>
      <c r="H34" s="149">
        <v>3</v>
      </c>
      <c r="I34" s="149">
        <v>4</v>
      </c>
      <c r="J34" s="170">
        <v>1.3333333333333333</v>
      </c>
    </row>
    <row r="35" spans="1:10" ht="20.100000000000001" customHeight="1" x14ac:dyDescent="0.2">
      <c r="E35" s="115"/>
      <c r="F35" s="115"/>
      <c r="G35" s="117"/>
      <c r="H35" s="115"/>
      <c r="I35" s="115"/>
    </row>
  </sheetData>
  <mergeCells count="12">
    <mergeCell ref="A24:A25"/>
    <mergeCell ref="B24:D24"/>
    <mergeCell ref="E24:G24"/>
    <mergeCell ref="H24:J24"/>
    <mergeCell ref="A4:A5"/>
    <mergeCell ref="B4:D4"/>
    <mergeCell ref="E4:G4"/>
    <mergeCell ref="H4:J4"/>
    <mergeCell ref="A15:A16"/>
    <mergeCell ref="B15:D15"/>
    <mergeCell ref="E15:G15"/>
    <mergeCell ref="H15:J15"/>
  </mergeCells>
  <phoneticPr fontId="1"/>
  <pageMargins left="0.82677165354330717" right="0.23622047244094491" top="0.74803149606299213" bottom="0.55118110236220474" header="0.31496062992125984" footer="0.31496062992125984"/>
  <pageSetup paperSize="9" scale="70" orientation="landscape" r:id="rId1"/>
  <headerFooter>
    <oddFooter>&amp;C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J35"/>
  <sheetViews>
    <sheetView view="pageBreakPreview" zoomScale="80" zoomScaleNormal="80" zoomScaleSheetLayoutView="80" zoomScalePageLayoutView="50" workbookViewId="0"/>
  </sheetViews>
  <sheetFormatPr defaultColWidth="14.59765625" defaultRowHeight="20.100000000000001" customHeight="1" x14ac:dyDescent="0.2"/>
  <cols>
    <col min="1" max="3" width="14.59765625" style="112"/>
    <col min="4" max="4" width="14.59765625" style="116"/>
    <col min="5" max="6" width="14.59765625" style="112"/>
    <col min="7" max="7" width="14.59765625" style="110"/>
    <col min="8" max="9" width="14.59765625" style="112"/>
    <col min="10" max="10" width="14.59765625" style="110"/>
    <col min="11" max="16384" width="14.59765625" style="112"/>
  </cols>
  <sheetData>
    <row r="1" spans="1:10" s="1" customFormat="1" ht="20.100000000000001" customHeight="1" x14ac:dyDescent="0.2">
      <c r="A1" s="298" t="s">
        <v>141</v>
      </c>
      <c r="B1" s="224"/>
      <c r="C1" s="224"/>
      <c r="D1" s="299"/>
      <c r="E1" s="224"/>
      <c r="F1" s="224"/>
      <c r="G1" s="224"/>
      <c r="H1" s="224"/>
      <c r="I1" s="224"/>
      <c r="J1" s="224"/>
    </row>
    <row r="2" spans="1:10" s="1" customFormat="1" ht="20.100000000000001" customHeight="1" x14ac:dyDescent="0.2">
      <c r="A2" s="300" t="s">
        <v>142</v>
      </c>
      <c r="B2" s="224"/>
      <c r="C2" s="224"/>
      <c r="D2" s="299"/>
      <c r="E2" s="224"/>
      <c r="F2" s="225"/>
      <c r="G2" s="224"/>
      <c r="H2" s="224"/>
      <c r="I2" s="224"/>
      <c r="J2" s="224"/>
    </row>
    <row r="3" spans="1:10" ht="20.100000000000001" customHeight="1" thickBot="1" x14ac:dyDescent="0.25">
      <c r="A3" s="282" t="s">
        <v>48</v>
      </c>
      <c r="B3" s="282"/>
      <c r="C3" s="284" t="s">
        <v>270</v>
      </c>
      <c r="D3" s="283"/>
      <c r="E3" s="282"/>
      <c r="F3" s="284"/>
      <c r="G3" s="182"/>
      <c r="H3" s="282"/>
      <c r="I3" s="282"/>
      <c r="J3" s="182"/>
    </row>
    <row r="4" spans="1:10" ht="20.100000000000001" customHeight="1" x14ac:dyDescent="0.2">
      <c r="A4" s="678" t="s">
        <v>7</v>
      </c>
      <c r="B4" s="680" t="s">
        <v>31</v>
      </c>
      <c r="C4" s="681"/>
      <c r="D4" s="682"/>
      <c r="E4" s="680" t="s">
        <v>32</v>
      </c>
      <c r="F4" s="681"/>
      <c r="G4" s="682"/>
      <c r="H4" s="680" t="s">
        <v>33</v>
      </c>
      <c r="I4" s="681"/>
      <c r="J4" s="682"/>
    </row>
    <row r="5" spans="1:10" ht="20.100000000000001" customHeight="1" thickBot="1" x14ac:dyDescent="0.25">
      <c r="A5" s="679"/>
      <c r="B5" s="286" t="s">
        <v>269</v>
      </c>
      <c r="C5" s="287" t="s">
        <v>268</v>
      </c>
      <c r="D5" s="288" t="s">
        <v>181</v>
      </c>
      <c r="E5" s="286" t="s">
        <v>269</v>
      </c>
      <c r="F5" s="287" t="s">
        <v>268</v>
      </c>
      <c r="G5" s="288" t="s">
        <v>181</v>
      </c>
      <c r="H5" s="286" t="s">
        <v>269</v>
      </c>
      <c r="I5" s="287" t="s">
        <v>268</v>
      </c>
      <c r="J5" s="288" t="s">
        <v>181</v>
      </c>
    </row>
    <row r="6" spans="1:10" s="113" customFormat="1" ht="20.100000000000001" customHeight="1" thickTop="1" x14ac:dyDescent="0.2">
      <c r="A6" s="289" t="s">
        <v>86</v>
      </c>
      <c r="B6" s="122">
        <v>18</v>
      </c>
      <c r="C6" s="145">
        <v>0</v>
      </c>
      <c r="D6" s="72">
        <v>0</v>
      </c>
      <c r="E6" s="122">
        <v>18</v>
      </c>
      <c r="F6" s="145">
        <v>0</v>
      </c>
      <c r="G6" s="72">
        <v>0</v>
      </c>
      <c r="H6" s="122">
        <v>0</v>
      </c>
      <c r="I6" s="145">
        <v>0</v>
      </c>
      <c r="J6" s="227" t="s">
        <v>318</v>
      </c>
    </row>
    <row r="7" spans="1:10" s="113" customFormat="1" ht="20.100000000000001" customHeight="1" x14ac:dyDescent="0.2">
      <c r="A7" s="291" t="s">
        <v>87</v>
      </c>
      <c r="B7" s="124">
        <v>94</v>
      </c>
      <c r="C7" s="292">
        <v>15</v>
      </c>
      <c r="D7" s="72">
        <v>0.15957446808510639</v>
      </c>
      <c r="E7" s="124">
        <v>94</v>
      </c>
      <c r="F7" s="292">
        <v>15</v>
      </c>
      <c r="G7" s="54">
        <v>0.15957446808510639</v>
      </c>
      <c r="H7" s="124">
        <v>0</v>
      </c>
      <c r="I7" s="292">
        <v>0</v>
      </c>
      <c r="J7" s="227" t="s">
        <v>318</v>
      </c>
    </row>
    <row r="8" spans="1:10" s="113" customFormat="1" ht="20.100000000000001" customHeight="1" x14ac:dyDescent="0.2">
      <c r="A8" s="291" t="s">
        <v>88</v>
      </c>
      <c r="B8" s="124">
        <v>202</v>
      </c>
      <c r="C8" s="292">
        <v>16</v>
      </c>
      <c r="D8" s="72">
        <v>7.9207920792079209E-2</v>
      </c>
      <c r="E8" s="124">
        <v>201</v>
      </c>
      <c r="F8" s="292">
        <v>16</v>
      </c>
      <c r="G8" s="54">
        <v>7.9601990049751242E-2</v>
      </c>
      <c r="H8" s="124">
        <v>1</v>
      </c>
      <c r="I8" s="292">
        <v>0</v>
      </c>
      <c r="J8" s="54">
        <v>0</v>
      </c>
    </row>
    <row r="9" spans="1:10" s="113" customFormat="1" ht="20.100000000000001" customHeight="1" x14ac:dyDescent="0.2">
      <c r="A9" s="291" t="s">
        <v>89</v>
      </c>
      <c r="B9" s="124">
        <v>230</v>
      </c>
      <c r="C9" s="292">
        <v>21</v>
      </c>
      <c r="D9" s="72">
        <v>9.1304347826086957E-2</v>
      </c>
      <c r="E9" s="124">
        <v>230</v>
      </c>
      <c r="F9" s="292">
        <v>18</v>
      </c>
      <c r="G9" s="54">
        <v>7.8260869565217397E-2</v>
      </c>
      <c r="H9" s="124">
        <v>0</v>
      </c>
      <c r="I9" s="292">
        <v>3</v>
      </c>
      <c r="J9" s="227" t="s">
        <v>318</v>
      </c>
    </row>
    <row r="10" spans="1:10" s="113" customFormat="1" ht="20.100000000000001" customHeight="1" x14ac:dyDescent="0.2">
      <c r="A10" s="291" t="s">
        <v>90</v>
      </c>
      <c r="B10" s="124">
        <v>277</v>
      </c>
      <c r="C10" s="292">
        <v>18</v>
      </c>
      <c r="D10" s="72">
        <v>6.4981949458483748E-2</v>
      </c>
      <c r="E10" s="124">
        <v>276</v>
      </c>
      <c r="F10" s="292">
        <v>18</v>
      </c>
      <c r="G10" s="54">
        <v>6.5217391304347824E-2</v>
      </c>
      <c r="H10" s="124">
        <v>1</v>
      </c>
      <c r="I10" s="292">
        <v>0</v>
      </c>
      <c r="J10" s="54">
        <v>0</v>
      </c>
    </row>
    <row r="11" spans="1:10" s="113" customFormat="1" ht="20.100000000000001" customHeight="1" thickBot="1" x14ac:dyDescent="0.25">
      <c r="A11" s="293" t="s">
        <v>10</v>
      </c>
      <c r="B11" s="129">
        <v>814</v>
      </c>
      <c r="C11" s="146">
        <v>50</v>
      </c>
      <c r="D11" s="62">
        <v>6.1425061425061427E-2</v>
      </c>
      <c r="E11" s="129">
        <v>814</v>
      </c>
      <c r="F11" s="146">
        <v>50</v>
      </c>
      <c r="G11" s="62">
        <v>6.1425061425061427E-2</v>
      </c>
      <c r="H11" s="129">
        <v>0</v>
      </c>
      <c r="I11" s="146">
        <v>0</v>
      </c>
      <c r="J11" s="227" t="s">
        <v>318</v>
      </c>
    </row>
    <row r="12" spans="1:10" ht="20.100000000000001" customHeight="1" thickTop="1" thickBot="1" x14ac:dyDescent="0.25">
      <c r="A12" s="295" t="s">
        <v>15</v>
      </c>
      <c r="B12" s="147">
        <v>1635</v>
      </c>
      <c r="C12" s="148">
        <v>120</v>
      </c>
      <c r="D12" s="170">
        <v>7.3394495412844041E-2</v>
      </c>
      <c r="E12" s="149">
        <v>1633</v>
      </c>
      <c r="F12" s="149">
        <v>117</v>
      </c>
      <c r="G12" s="170">
        <v>7.1647274954072263E-2</v>
      </c>
      <c r="H12" s="149">
        <v>2</v>
      </c>
      <c r="I12" s="149">
        <v>3</v>
      </c>
      <c r="J12" s="170">
        <v>1.5</v>
      </c>
    </row>
    <row r="13" spans="1:10" ht="20.100000000000001" customHeight="1" x14ac:dyDescent="0.2">
      <c r="A13" s="282"/>
      <c r="B13" s="282"/>
      <c r="C13" s="282"/>
      <c r="D13" s="283"/>
      <c r="E13" s="282"/>
      <c r="F13" s="282"/>
      <c r="G13" s="182"/>
      <c r="H13" s="282"/>
      <c r="I13" s="282"/>
      <c r="J13" s="182"/>
    </row>
    <row r="14" spans="1:10" ht="20.100000000000001" customHeight="1" thickBot="1" x14ac:dyDescent="0.25">
      <c r="A14" s="282" t="s">
        <v>49</v>
      </c>
      <c r="B14" s="282"/>
      <c r="C14" s="282"/>
      <c r="D14" s="283"/>
      <c r="E14" s="282"/>
      <c r="F14" s="282"/>
      <c r="G14" s="182"/>
      <c r="H14" s="282"/>
      <c r="I14" s="282"/>
      <c r="J14" s="182"/>
    </row>
    <row r="15" spans="1:10" s="114" customFormat="1" ht="20.100000000000001" customHeight="1" x14ac:dyDescent="0.2">
      <c r="A15" s="678" t="s">
        <v>133</v>
      </c>
      <c r="B15" s="680" t="s">
        <v>31</v>
      </c>
      <c r="C15" s="681"/>
      <c r="D15" s="682"/>
      <c r="E15" s="680" t="s">
        <v>32</v>
      </c>
      <c r="F15" s="681"/>
      <c r="G15" s="682"/>
      <c r="H15" s="680" t="s">
        <v>33</v>
      </c>
      <c r="I15" s="681"/>
      <c r="J15" s="682"/>
    </row>
    <row r="16" spans="1:10" s="114" customFormat="1" ht="20.100000000000001" customHeight="1" thickBot="1" x14ac:dyDescent="0.25">
      <c r="A16" s="679"/>
      <c r="B16" s="286" t="s">
        <v>269</v>
      </c>
      <c r="C16" s="287" t="s">
        <v>268</v>
      </c>
      <c r="D16" s="288" t="s">
        <v>181</v>
      </c>
      <c r="E16" s="286" t="s">
        <v>269</v>
      </c>
      <c r="F16" s="287" t="s">
        <v>268</v>
      </c>
      <c r="G16" s="288" t="s">
        <v>181</v>
      </c>
      <c r="H16" s="286" t="s">
        <v>269</v>
      </c>
      <c r="I16" s="287" t="s">
        <v>268</v>
      </c>
      <c r="J16" s="288" t="s">
        <v>181</v>
      </c>
    </row>
    <row r="17" spans="1:10" ht="20.100000000000001" customHeight="1" thickTop="1" x14ac:dyDescent="0.2">
      <c r="A17" s="289" t="s">
        <v>34</v>
      </c>
      <c r="B17" s="122">
        <v>6</v>
      </c>
      <c r="C17" s="145">
        <v>0</v>
      </c>
      <c r="D17" s="72">
        <v>0</v>
      </c>
      <c r="E17" s="122">
        <v>5</v>
      </c>
      <c r="F17" s="145">
        <v>0</v>
      </c>
      <c r="G17" s="72">
        <v>0</v>
      </c>
      <c r="H17" s="122">
        <v>1</v>
      </c>
      <c r="I17" s="145">
        <v>0</v>
      </c>
      <c r="J17" s="72">
        <v>0</v>
      </c>
    </row>
    <row r="18" spans="1:10" ht="20.100000000000001" customHeight="1" x14ac:dyDescent="0.2">
      <c r="A18" s="291" t="s">
        <v>35</v>
      </c>
      <c r="B18" s="124">
        <v>37</v>
      </c>
      <c r="C18" s="292">
        <v>3</v>
      </c>
      <c r="D18" s="72">
        <v>8.1081081081081086E-2</v>
      </c>
      <c r="E18" s="124">
        <v>37</v>
      </c>
      <c r="F18" s="292">
        <v>3</v>
      </c>
      <c r="G18" s="72">
        <v>8.1081081081081086E-2</v>
      </c>
      <c r="H18" s="124">
        <v>0</v>
      </c>
      <c r="I18" s="292">
        <v>0</v>
      </c>
      <c r="J18" s="176" t="s">
        <v>318</v>
      </c>
    </row>
    <row r="19" spans="1:10" ht="20.100000000000001" customHeight="1" x14ac:dyDescent="0.2">
      <c r="A19" s="291" t="s">
        <v>36</v>
      </c>
      <c r="B19" s="124">
        <v>1588</v>
      </c>
      <c r="C19" s="292">
        <v>116</v>
      </c>
      <c r="D19" s="72">
        <v>7.3047858942065488E-2</v>
      </c>
      <c r="E19" s="124">
        <v>1587</v>
      </c>
      <c r="F19" s="292">
        <v>113</v>
      </c>
      <c r="G19" s="72">
        <v>7.120352867044738E-2</v>
      </c>
      <c r="H19" s="124">
        <v>1</v>
      </c>
      <c r="I19" s="292">
        <v>3</v>
      </c>
      <c r="J19" s="72">
        <v>3</v>
      </c>
    </row>
    <row r="20" spans="1:10" ht="20.100000000000001" customHeight="1" thickBot="1" x14ac:dyDescent="0.25">
      <c r="A20" s="293" t="s">
        <v>37</v>
      </c>
      <c r="B20" s="129">
        <v>4</v>
      </c>
      <c r="C20" s="146">
        <v>1</v>
      </c>
      <c r="D20" s="62">
        <v>0.25</v>
      </c>
      <c r="E20" s="129">
        <v>4</v>
      </c>
      <c r="F20" s="146">
        <v>1</v>
      </c>
      <c r="G20" s="62">
        <v>0.25</v>
      </c>
      <c r="H20" s="129">
        <v>0</v>
      </c>
      <c r="I20" s="146">
        <v>0</v>
      </c>
      <c r="J20" s="288" t="s">
        <v>318</v>
      </c>
    </row>
    <row r="21" spans="1:10" s="113" customFormat="1" ht="20.100000000000001" customHeight="1" thickTop="1" thickBot="1" x14ac:dyDescent="0.25">
      <c r="A21" s="296" t="s">
        <v>15</v>
      </c>
      <c r="B21" s="147">
        <v>1635</v>
      </c>
      <c r="C21" s="149">
        <v>120</v>
      </c>
      <c r="D21" s="170">
        <v>7.3394495412844041E-2</v>
      </c>
      <c r="E21" s="147">
        <v>1633</v>
      </c>
      <c r="F21" s="149">
        <v>117</v>
      </c>
      <c r="G21" s="170">
        <v>7.1647274954072263E-2</v>
      </c>
      <c r="H21" s="147">
        <v>2</v>
      </c>
      <c r="I21" s="149">
        <v>3</v>
      </c>
      <c r="J21" s="170">
        <v>1.5</v>
      </c>
    </row>
    <row r="22" spans="1:10" ht="20.100000000000001" customHeight="1" x14ac:dyDescent="0.2">
      <c r="A22" s="282"/>
      <c r="B22" s="282"/>
      <c r="C22" s="282"/>
      <c r="D22" s="283"/>
      <c r="E22" s="282"/>
      <c r="F22" s="282"/>
      <c r="G22" s="182"/>
      <c r="H22" s="282"/>
      <c r="I22" s="282"/>
      <c r="J22" s="182"/>
    </row>
    <row r="23" spans="1:10" ht="20.100000000000001" customHeight="1" thickBot="1" x14ac:dyDescent="0.25">
      <c r="A23" s="282" t="s">
        <v>50</v>
      </c>
      <c r="B23" s="282"/>
      <c r="C23" s="282"/>
      <c r="D23" s="283"/>
      <c r="E23" s="282"/>
      <c r="F23" s="282"/>
      <c r="G23" s="182"/>
      <c r="H23" s="282"/>
      <c r="I23" s="282"/>
      <c r="J23" s="182"/>
    </row>
    <row r="24" spans="1:10" s="114" customFormat="1" ht="20.100000000000001" customHeight="1" x14ac:dyDescent="0.2">
      <c r="A24" s="678" t="s">
        <v>38</v>
      </c>
      <c r="B24" s="680" t="s">
        <v>31</v>
      </c>
      <c r="C24" s="681"/>
      <c r="D24" s="682"/>
      <c r="E24" s="680" t="s">
        <v>32</v>
      </c>
      <c r="F24" s="681"/>
      <c r="G24" s="682"/>
      <c r="H24" s="680" t="s">
        <v>33</v>
      </c>
      <c r="I24" s="681"/>
      <c r="J24" s="682"/>
    </row>
    <row r="25" spans="1:10" s="114" customFormat="1" ht="20.100000000000001" customHeight="1" thickBot="1" x14ac:dyDescent="0.25">
      <c r="A25" s="679"/>
      <c r="B25" s="286" t="s">
        <v>269</v>
      </c>
      <c r="C25" s="287" t="s">
        <v>268</v>
      </c>
      <c r="D25" s="288" t="s">
        <v>181</v>
      </c>
      <c r="E25" s="286" t="s">
        <v>269</v>
      </c>
      <c r="F25" s="287" t="s">
        <v>268</v>
      </c>
      <c r="G25" s="288" t="s">
        <v>181</v>
      </c>
      <c r="H25" s="286" t="s">
        <v>269</v>
      </c>
      <c r="I25" s="287" t="s">
        <v>268</v>
      </c>
      <c r="J25" s="288" t="s">
        <v>181</v>
      </c>
    </row>
    <row r="26" spans="1:10" ht="20.100000000000001" customHeight="1" thickTop="1" x14ac:dyDescent="0.2">
      <c r="A26" s="289" t="s">
        <v>39</v>
      </c>
      <c r="B26" s="122">
        <v>761</v>
      </c>
      <c r="C26" s="145">
        <v>59</v>
      </c>
      <c r="D26" s="72">
        <v>7.7529566360052565E-2</v>
      </c>
      <c r="E26" s="122">
        <v>759</v>
      </c>
      <c r="F26" s="145">
        <v>56</v>
      </c>
      <c r="G26" s="72">
        <v>7.378129117259552E-2</v>
      </c>
      <c r="H26" s="122">
        <v>2</v>
      </c>
      <c r="I26" s="145">
        <v>3</v>
      </c>
      <c r="J26" s="72">
        <v>1.5</v>
      </c>
    </row>
    <row r="27" spans="1:10" ht="20.100000000000001" customHeight="1" x14ac:dyDescent="0.2">
      <c r="A27" s="291" t="s">
        <v>40</v>
      </c>
      <c r="B27" s="124">
        <v>198</v>
      </c>
      <c r="C27" s="292">
        <v>9</v>
      </c>
      <c r="D27" s="72">
        <v>4.5454545454545456E-2</v>
      </c>
      <c r="E27" s="124">
        <v>198</v>
      </c>
      <c r="F27" s="292">
        <v>9</v>
      </c>
      <c r="G27" s="72">
        <v>4.5454545454545456E-2</v>
      </c>
      <c r="H27" s="124">
        <v>0</v>
      </c>
      <c r="I27" s="292">
        <v>0</v>
      </c>
      <c r="J27" s="176" t="s">
        <v>318</v>
      </c>
    </row>
    <row r="28" spans="1:10" ht="20.100000000000001" customHeight="1" x14ac:dyDescent="0.2">
      <c r="A28" s="291" t="s">
        <v>41</v>
      </c>
      <c r="B28" s="124">
        <v>161</v>
      </c>
      <c r="C28" s="292">
        <v>4</v>
      </c>
      <c r="D28" s="72">
        <v>2.4844720496894408E-2</v>
      </c>
      <c r="E28" s="124">
        <v>161</v>
      </c>
      <c r="F28" s="292">
        <v>4</v>
      </c>
      <c r="G28" s="72">
        <v>2.4844720496894408E-2</v>
      </c>
      <c r="H28" s="124">
        <v>0</v>
      </c>
      <c r="I28" s="292">
        <v>0</v>
      </c>
      <c r="J28" s="176" t="s">
        <v>318</v>
      </c>
    </row>
    <row r="29" spans="1:10" ht="20.100000000000001" customHeight="1" x14ac:dyDescent="0.2">
      <c r="A29" s="291" t="s">
        <v>42</v>
      </c>
      <c r="B29" s="124">
        <v>121</v>
      </c>
      <c r="C29" s="292">
        <v>11</v>
      </c>
      <c r="D29" s="72">
        <v>9.0909090909090912E-2</v>
      </c>
      <c r="E29" s="124">
        <v>121</v>
      </c>
      <c r="F29" s="292">
        <v>11</v>
      </c>
      <c r="G29" s="72">
        <v>9.0909090909090912E-2</v>
      </c>
      <c r="H29" s="124">
        <v>0</v>
      </c>
      <c r="I29" s="292">
        <v>0</v>
      </c>
      <c r="J29" s="176" t="s">
        <v>318</v>
      </c>
    </row>
    <row r="30" spans="1:10" s="113" customFormat="1" ht="20.100000000000001" customHeight="1" x14ac:dyDescent="0.2">
      <c r="A30" s="291" t="s">
        <v>43</v>
      </c>
      <c r="B30" s="124">
        <v>72</v>
      </c>
      <c r="C30" s="292">
        <v>6</v>
      </c>
      <c r="D30" s="72">
        <v>8.3333333333333329E-2</v>
      </c>
      <c r="E30" s="124">
        <v>72</v>
      </c>
      <c r="F30" s="292">
        <v>6</v>
      </c>
      <c r="G30" s="72">
        <v>8.3333333333333329E-2</v>
      </c>
      <c r="H30" s="124">
        <v>0</v>
      </c>
      <c r="I30" s="292">
        <v>0</v>
      </c>
      <c r="J30" s="176" t="s">
        <v>318</v>
      </c>
    </row>
    <row r="31" spans="1:10" ht="20.100000000000001" customHeight="1" x14ac:dyDescent="0.2">
      <c r="A31" s="291" t="s">
        <v>44</v>
      </c>
      <c r="B31" s="124">
        <v>166</v>
      </c>
      <c r="C31" s="292">
        <v>14</v>
      </c>
      <c r="D31" s="72">
        <v>8.4337349397590355E-2</v>
      </c>
      <c r="E31" s="124">
        <v>166</v>
      </c>
      <c r="F31" s="292">
        <v>14</v>
      </c>
      <c r="G31" s="72">
        <v>8.4337349397590355E-2</v>
      </c>
      <c r="H31" s="124">
        <v>0</v>
      </c>
      <c r="I31" s="292">
        <v>0</v>
      </c>
      <c r="J31" s="176" t="s">
        <v>318</v>
      </c>
    </row>
    <row r="32" spans="1:10" ht="20.100000000000001" customHeight="1" x14ac:dyDescent="0.2">
      <c r="A32" s="291" t="s">
        <v>45</v>
      </c>
      <c r="B32" s="124">
        <v>92</v>
      </c>
      <c r="C32" s="292">
        <v>7</v>
      </c>
      <c r="D32" s="72">
        <v>7.6086956521739135E-2</v>
      </c>
      <c r="E32" s="124">
        <v>92</v>
      </c>
      <c r="F32" s="292">
        <v>7</v>
      </c>
      <c r="G32" s="72">
        <v>7.6086956521739135E-2</v>
      </c>
      <c r="H32" s="124">
        <v>0</v>
      </c>
      <c r="I32" s="292">
        <v>0</v>
      </c>
      <c r="J32" s="176" t="s">
        <v>318</v>
      </c>
    </row>
    <row r="33" spans="1:10" ht="20.100000000000001" customHeight="1" thickBot="1" x14ac:dyDescent="0.25">
      <c r="A33" s="293" t="s">
        <v>46</v>
      </c>
      <c r="B33" s="129">
        <v>64</v>
      </c>
      <c r="C33" s="146">
        <v>10</v>
      </c>
      <c r="D33" s="62">
        <v>0.15625</v>
      </c>
      <c r="E33" s="129">
        <v>64</v>
      </c>
      <c r="F33" s="146">
        <v>10</v>
      </c>
      <c r="G33" s="62">
        <v>0.15625</v>
      </c>
      <c r="H33" s="129">
        <v>0</v>
      </c>
      <c r="I33" s="146">
        <v>0</v>
      </c>
      <c r="J33" s="176" t="s">
        <v>318</v>
      </c>
    </row>
    <row r="34" spans="1:10" s="113" customFormat="1" ht="20.100000000000001" customHeight="1" thickTop="1" thickBot="1" x14ac:dyDescent="0.25">
      <c r="A34" s="295" t="s">
        <v>11</v>
      </c>
      <c r="B34" s="147">
        <v>1635</v>
      </c>
      <c r="C34" s="149">
        <v>120</v>
      </c>
      <c r="D34" s="170">
        <v>7.3394495412844041E-2</v>
      </c>
      <c r="E34" s="147">
        <v>1633</v>
      </c>
      <c r="F34" s="149">
        <v>117</v>
      </c>
      <c r="G34" s="170">
        <v>7.1647274954072263E-2</v>
      </c>
      <c r="H34" s="147">
        <v>2</v>
      </c>
      <c r="I34" s="149">
        <v>3</v>
      </c>
      <c r="J34" s="170">
        <v>1.5</v>
      </c>
    </row>
    <row r="35" spans="1:10" ht="20.100000000000001" customHeight="1" x14ac:dyDescent="0.2">
      <c r="E35" s="115"/>
      <c r="F35" s="115"/>
      <c r="G35" s="117"/>
      <c r="H35" s="115"/>
      <c r="I35" s="115"/>
    </row>
  </sheetData>
  <mergeCells count="12">
    <mergeCell ref="A24:A25"/>
    <mergeCell ref="B24:D24"/>
    <mergeCell ref="E24:G24"/>
    <mergeCell ref="H24:J24"/>
    <mergeCell ref="A4:A5"/>
    <mergeCell ref="B4:D4"/>
    <mergeCell ref="E4:G4"/>
    <mergeCell ref="H4:J4"/>
    <mergeCell ref="A15:A16"/>
    <mergeCell ref="B15:D15"/>
    <mergeCell ref="E15:G15"/>
    <mergeCell ref="H15:J15"/>
  </mergeCells>
  <phoneticPr fontId="1"/>
  <pageMargins left="0.82677165354330717" right="0.23622047244094491" top="0.74803149606299213" bottom="0.55118110236220474" header="0.31496062992125984" footer="0.31496062992125984"/>
  <pageSetup paperSize="9" scale="70" orientation="landscape" r:id="rId1"/>
  <headerFooter>
    <oddFooter>&amp;C&amp;P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J35"/>
  <sheetViews>
    <sheetView view="pageBreakPreview" zoomScale="80" zoomScaleNormal="80" zoomScaleSheetLayoutView="80" zoomScalePageLayoutView="50" workbookViewId="0"/>
  </sheetViews>
  <sheetFormatPr defaultColWidth="14.59765625" defaultRowHeight="20.100000000000001" customHeight="1" x14ac:dyDescent="0.2"/>
  <cols>
    <col min="1" max="3" width="14.59765625" style="112"/>
    <col min="4" max="4" width="14.59765625" style="116"/>
    <col min="5" max="6" width="14.59765625" style="112"/>
    <col min="7" max="7" width="14.59765625" style="110"/>
    <col min="8" max="9" width="14.59765625" style="112"/>
    <col min="10" max="10" width="14.59765625" style="110"/>
    <col min="11" max="16384" width="14.59765625" style="112"/>
  </cols>
  <sheetData>
    <row r="1" spans="1:10" s="1" customFormat="1" ht="20.100000000000001" customHeight="1" x14ac:dyDescent="0.2">
      <c r="A1" s="298" t="s">
        <v>141</v>
      </c>
      <c r="B1" s="224"/>
      <c r="C1" s="224"/>
      <c r="D1" s="299"/>
      <c r="E1" s="224"/>
      <c r="F1" s="224"/>
      <c r="G1" s="224"/>
      <c r="H1" s="224"/>
      <c r="I1" s="224"/>
      <c r="J1" s="224"/>
    </row>
    <row r="2" spans="1:10" s="1" customFormat="1" ht="20.100000000000001" customHeight="1" x14ac:dyDescent="0.2">
      <c r="A2" s="300" t="s">
        <v>143</v>
      </c>
      <c r="B2" s="224"/>
      <c r="C2" s="224"/>
      <c r="D2" s="299"/>
      <c r="E2" s="225"/>
      <c r="F2" s="225"/>
      <c r="G2" s="224"/>
      <c r="H2" s="224"/>
      <c r="I2" s="224"/>
      <c r="J2" s="301"/>
    </row>
    <row r="3" spans="1:10" ht="20.100000000000001" customHeight="1" thickBot="1" x14ac:dyDescent="0.25">
      <c r="A3" s="282" t="s">
        <v>48</v>
      </c>
      <c r="B3" s="282"/>
      <c r="C3" s="284" t="s">
        <v>270</v>
      </c>
      <c r="D3" s="283"/>
      <c r="E3" s="282"/>
      <c r="F3" s="284"/>
      <c r="G3" s="182"/>
      <c r="H3" s="282"/>
      <c r="I3" s="282"/>
      <c r="J3" s="182"/>
    </row>
    <row r="4" spans="1:10" ht="20.100000000000001" customHeight="1" x14ac:dyDescent="0.2">
      <c r="A4" s="678" t="s">
        <v>7</v>
      </c>
      <c r="B4" s="680" t="s">
        <v>31</v>
      </c>
      <c r="C4" s="681"/>
      <c r="D4" s="682"/>
      <c r="E4" s="680" t="s">
        <v>32</v>
      </c>
      <c r="F4" s="681"/>
      <c r="G4" s="682"/>
      <c r="H4" s="680" t="s">
        <v>33</v>
      </c>
      <c r="I4" s="681"/>
      <c r="J4" s="682"/>
    </row>
    <row r="5" spans="1:10" ht="20.100000000000001" customHeight="1" thickBot="1" x14ac:dyDescent="0.25">
      <c r="A5" s="679"/>
      <c r="B5" s="286" t="s">
        <v>269</v>
      </c>
      <c r="C5" s="287" t="s">
        <v>268</v>
      </c>
      <c r="D5" s="288" t="s">
        <v>181</v>
      </c>
      <c r="E5" s="286" t="s">
        <v>269</v>
      </c>
      <c r="F5" s="287" t="s">
        <v>268</v>
      </c>
      <c r="G5" s="288" t="s">
        <v>181</v>
      </c>
      <c r="H5" s="286" t="s">
        <v>269</v>
      </c>
      <c r="I5" s="287" t="s">
        <v>268</v>
      </c>
      <c r="J5" s="288" t="s">
        <v>181</v>
      </c>
    </row>
    <row r="6" spans="1:10" s="113" customFormat="1" ht="20.100000000000001" customHeight="1" thickTop="1" x14ac:dyDescent="0.2">
      <c r="A6" s="289" t="s">
        <v>86</v>
      </c>
      <c r="B6" s="122">
        <v>4</v>
      </c>
      <c r="C6" s="145">
        <v>0</v>
      </c>
      <c r="D6" s="72">
        <v>0</v>
      </c>
      <c r="E6" s="122">
        <v>4</v>
      </c>
      <c r="F6" s="145">
        <v>0</v>
      </c>
      <c r="G6" s="72">
        <v>0</v>
      </c>
      <c r="H6" s="122">
        <v>0</v>
      </c>
      <c r="I6" s="145">
        <v>0</v>
      </c>
      <c r="J6" s="227" t="s">
        <v>318</v>
      </c>
    </row>
    <row r="7" spans="1:10" s="113" customFormat="1" ht="20.100000000000001" customHeight="1" x14ac:dyDescent="0.2">
      <c r="A7" s="291" t="s">
        <v>87</v>
      </c>
      <c r="B7" s="124">
        <v>29</v>
      </c>
      <c r="C7" s="292">
        <v>7</v>
      </c>
      <c r="D7" s="72">
        <v>0.2413793103448276</v>
      </c>
      <c r="E7" s="124">
        <v>28</v>
      </c>
      <c r="F7" s="292">
        <v>6</v>
      </c>
      <c r="G7" s="54">
        <v>0.21428571428571427</v>
      </c>
      <c r="H7" s="124">
        <v>1</v>
      </c>
      <c r="I7" s="292">
        <v>1</v>
      </c>
      <c r="J7" s="54">
        <v>1</v>
      </c>
    </row>
    <row r="8" spans="1:10" s="113" customFormat="1" ht="20.100000000000001" customHeight="1" x14ac:dyDescent="0.2">
      <c r="A8" s="291" t="s">
        <v>88</v>
      </c>
      <c r="B8" s="124">
        <v>57</v>
      </c>
      <c r="C8" s="292">
        <v>5</v>
      </c>
      <c r="D8" s="72">
        <v>8.771929824561403E-2</v>
      </c>
      <c r="E8" s="124">
        <v>57</v>
      </c>
      <c r="F8" s="292">
        <v>5</v>
      </c>
      <c r="G8" s="54">
        <v>8.771929824561403E-2</v>
      </c>
      <c r="H8" s="124">
        <v>0</v>
      </c>
      <c r="I8" s="292">
        <v>0</v>
      </c>
      <c r="J8" s="227" t="s">
        <v>318</v>
      </c>
    </row>
    <row r="9" spans="1:10" s="113" customFormat="1" ht="20.100000000000001" customHeight="1" x14ac:dyDescent="0.2">
      <c r="A9" s="291" t="s">
        <v>89</v>
      </c>
      <c r="B9" s="124">
        <v>167</v>
      </c>
      <c r="C9" s="292">
        <v>15</v>
      </c>
      <c r="D9" s="72">
        <v>8.9820359281437126E-2</v>
      </c>
      <c r="E9" s="124">
        <v>167</v>
      </c>
      <c r="F9" s="292">
        <v>15</v>
      </c>
      <c r="G9" s="54">
        <v>8.9820359281437126E-2</v>
      </c>
      <c r="H9" s="124">
        <v>0</v>
      </c>
      <c r="I9" s="292">
        <v>0</v>
      </c>
      <c r="J9" s="227" t="s">
        <v>317</v>
      </c>
    </row>
    <row r="10" spans="1:10" s="113" customFormat="1" ht="20.100000000000001" customHeight="1" x14ac:dyDescent="0.2">
      <c r="A10" s="291" t="s">
        <v>90</v>
      </c>
      <c r="B10" s="124">
        <v>171</v>
      </c>
      <c r="C10" s="292">
        <v>14</v>
      </c>
      <c r="D10" s="72">
        <v>8.1871345029239762E-2</v>
      </c>
      <c r="E10" s="124">
        <v>171</v>
      </c>
      <c r="F10" s="292">
        <v>14</v>
      </c>
      <c r="G10" s="54">
        <v>8.1871345029239762E-2</v>
      </c>
      <c r="H10" s="124">
        <v>0</v>
      </c>
      <c r="I10" s="292">
        <v>0</v>
      </c>
      <c r="J10" s="227" t="s">
        <v>317</v>
      </c>
    </row>
    <row r="11" spans="1:10" s="113" customFormat="1" ht="20.100000000000001" customHeight="1" thickBot="1" x14ac:dyDescent="0.25">
      <c r="A11" s="293" t="s">
        <v>10</v>
      </c>
      <c r="B11" s="129">
        <v>670</v>
      </c>
      <c r="C11" s="146">
        <v>67</v>
      </c>
      <c r="D11" s="62">
        <v>0.1</v>
      </c>
      <c r="E11" s="129">
        <v>670</v>
      </c>
      <c r="F11" s="146">
        <v>67</v>
      </c>
      <c r="G11" s="62">
        <v>0.1</v>
      </c>
      <c r="H11" s="129">
        <v>0</v>
      </c>
      <c r="I11" s="146">
        <v>0</v>
      </c>
      <c r="J11" s="227" t="s">
        <v>317</v>
      </c>
    </row>
    <row r="12" spans="1:10" ht="20.100000000000001" customHeight="1" thickTop="1" thickBot="1" x14ac:dyDescent="0.25">
      <c r="A12" s="295" t="s">
        <v>15</v>
      </c>
      <c r="B12" s="147">
        <v>1098</v>
      </c>
      <c r="C12" s="148">
        <v>108</v>
      </c>
      <c r="D12" s="170">
        <v>9.8360655737704916E-2</v>
      </c>
      <c r="E12" s="149">
        <v>1097</v>
      </c>
      <c r="F12" s="149">
        <v>107</v>
      </c>
      <c r="G12" s="170">
        <v>9.7538742023700997E-2</v>
      </c>
      <c r="H12" s="149">
        <v>1</v>
      </c>
      <c r="I12" s="149">
        <v>1</v>
      </c>
      <c r="J12" s="170">
        <v>1</v>
      </c>
    </row>
    <row r="13" spans="1:10" ht="20.100000000000001" customHeight="1" x14ac:dyDescent="0.2">
      <c r="A13" s="282"/>
      <c r="B13" s="282"/>
      <c r="C13" s="282"/>
      <c r="D13" s="283"/>
      <c r="E13" s="282"/>
      <c r="F13" s="282"/>
      <c r="G13" s="182"/>
      <c r="H13" s="282"/>
      <c r="I13" s="282"/>
      <c r="J13" s="182"/>
    </row>
    <row r="14" spans="1:10" ht="20.100000000000001" customHeight="1" thickBot="1" x14ac:dyDescent="0.25">
      <c r="A14" s="282" t="s">
        <v>49</v>
      </c>
      <c r="B14" s="282"/>
      <c r="C14" s="282"/>
      <c r="D14" s="283"/>
      <c r="E14" s="282"/>
      <c r="F14" s="282"/>
      <c r="G14" s="182"/>
      <c r="H14" s="282"/>
      <c r="I14" s="282"/>
      <c r="J14" s="182"/>
    </row>
    <row r="15" spans="1:10" s="114" customFormat="1" ht="20.100000000000001" customHeight="1" x14ac:dyDescent="0.2">
      <c r="A15" s="678" t="s">
        <v>133</v>
      </c>
      <c r="B15" s="680" t="s">
        <v>31</v>
      </c>
      <c r="C15" s="681"/>
      <c r="D15" s="682"/>
      <c r="E15" s="680" t="s">
        <v>32</v>
      </c>
      <c r="F15" s="681"/>
      <c r="G15" s="682"/>
      <c r="H15" s="680" t="s">
        <v>33</v>
      </c>
      <c r="I15" s="681"/>
      <c r="J15" s="682"/>
    </row>
    <row r="16" spans="1:10" s="114" customFormat="1" ht="20.100000000000001" customHeight="1" thickBot="1" x14ac:dyDescent="0.25">
      <c r="A16" s="679"/>
      <c r="B16" s="286" t="s">
        <v>269</v>
      </c>
      <c r="C16" s="287" t="s">
        <v>268</v>
      </c>
      <c r="D16" s="288" t="s">
        <v>181</v>
      </c>
      <c r="E16" s="286" t="s">
        <v>269</v>
      </c>
      <c r="F16" s="287" t="s">
        <v>268</v>
      </c>
      <c r="G16" s="288" t="s">
        <v>181</v>
      </c>
      <c r="H16" s="286" t="s">
        <v>269</v>
      </c>
      <c r="I16" s="287" t="s">
        <v>268</v>
      </c>
      <c r="J16" s="288" t="s">
        <v>181</v>
      </c>
    </row>
    <row r="17" spans="1:10" ht="20.100000000000001" customHeight="1" thickTop="1" x14ac:dyDescent="0.2">
      <c r="A17" s="289" t="s">
        <v>34</v>
      </c>
      <c r="B17" s="122">
        <v>9</v>
      </c>
      <c r="C17" s="145">
        <v>0</v>
      </c>
      <c r="D17" s="72">
        <v>0</v>
      </c>
      <c r="E17" s="122">
        <v>9</v>
      </c>
      <c r="F17" s="145">
        <v>0</v>
      </c>
      <c r="G17" s="72">
        <v>0</v>
      </c>
      <c r="H17" s="122">
        <v>0</v>
      </c>
      <c r="I17" s="145">
        <v>0</v>
      </c>
      <c r="J17" s="176" t="s">
        <v>317</v>
      </c>
    </row>
    <row r="18" spans="1:10" ht="20.100000000000001" customHeight="1" x14ac:dyDescent="0.2">
      <c r="A18" s="291" t="s">
        <v>35</v>
      </c>
      <c r="B18" s="124">
        <v>52</v>
      </c>
      <c r="C18" s="292">
        <v>0</v>
      </c>
      <c r="D18" s="72">
        <v>0</v>
      </c>
      <c r="E18" s="124">
        <v>52</v>
      </c>
      <c r="F18" s="292">
        <v>0</v>
      </c>
      <c r="G18" s="72">
        <v>0</v>
      </c>
      <c r="H18" s="124">
        <v>0</v>
      </c>
      <c r="I18" s="292">
        <v>0</v>
      </c>
      <c r="J18" s="176" t="s">
        <v>317</v>
      </c>
    </row>
    <row r="19" spans="1:10" ht="20.100000000000001" customHeight="1" x14ac:dyDescent="0.2">
      <c r="A19" s="291" t="s">
        <v>36</v>
      </c>
      <c r="B19" s="124">
        <v>1030</v>
      </c>
      <c r="C19" s="292">
        <v>107</v>
      </c>
      <c r="D19" s="72">
        <v>0.10388349514563107</v>
      </c>
      <c r="E19" s="124">
        <v>1029</v>
      </c>
      <c r="F19" s="292">
        <v>106</v>
      </c>
      <c r="G19" s="72">
        <v>0.10301263362487852</v>
      </c>
      <c r="H19" s="124">
        <v>1</v>
      </c>
      <c r="I19" s="292">
        <v>1</v>
      </c>
      <c r="J19" s="72">
        <v>1</v>
      </c>
    </row>
    <row r="20" spans="1:10" ht="20.100000000000001" customHeight="1" thickBot="1" x14ac:dyDescent="0.25">
      <c r="A20" s="293" t="s">
        <v>37</v>
      </c>
      <c r="B20" s="129">
        <v>7</v>
      </c>
      <c r="C20" s="146">
        <v>1</v>
      </c>
      <c r="D20" s="62">
        <v>0.14285714285714285</v>
      </c>
      <c r="E20" s="129">
        <v>7</v>
      </c>
      <c r="F20" s="146">
        <v>1</v>
      </c>
      <c r="G20" s="62">
        <v>0.14285714285714285</v>
      </c>
      <c r="H20" s="129">
        <v>0</v>
      </c>
      <c r="I20" s="146">
        <v>0</v>
      </c>
      <c r="J20" s="288" t="s">
        <v>317</v>
      </c>
    </row>
    <row r="21" spans="1:10" s="113" customFormat="1" ht="20.100000000000001" customHeight="1" thickTop="1" thickBot="1" x14ac:dyDescent="0.25">
      <c r="A21" s="296" t="s">
        <v>15</v>
      </c>
      <c r="B21" s="147">
        <v>1098</v>
      </c>
      <c r="C21" s="149">
        <v>108</v>
      </c>
      <c r="D21" s="170">
        <v>9.8360655737704916E-2</v>
      </c>
      <c r="E21" s="147">
        <v>1097</v>
      </c>
      <c r="F21" s="149">
        <v>107</v>
      </c>
      <c r="G21" s="170">
        <v>9.7538742023700997E-2</v>
      </c>
      <c r="H21" s="147">
        <v>1</v>
      </c>
      <c r="I21" s="149">
        <v>1</v>
      </c>
      <c r="J21" s="170">
        <v>1</v>
      </c>
    </row>
    <row r="22" spans="1:10" ht="20.100000000000001" customHeight="1" x14ac:dyDescent="0.2">
      <c r="A22" s="282"/>
      <c r="B22" s="282"/>
      <c r="C22" s="282"/>
      <c r="D22" s="283"/>
      <c r="E22" s="282"/>
      <c r="F22" s="282"/>
      <c r="G22" s="182"/>
      <c r="H22" s="282"/>
      <c r="I22" s="282"/>
      <c r="J22" s="182"/>
    </row>
    <row r="23" spans="1:10" ht="20.100000000000001" customHeight="1" thickBot="1" x14ac:dyDescent="0.25">
      <c r="A23" s="282" t="s">
        <v>50</v>
      </c>
      <c r="B23" s="282"/>
      <c r="C23" s="282"/>
      <c r="D23" s="283"/>
      <c r="E23" s="282"/>
      <c r="F23" s="282"/>
      <c r="G23" s="182"/>
      <c r="H23" s="282"/>
      <c r="I23" s="282"/>
      <c r="J23" s="182"/>
    </row>
    <row r="24" spans="1:10" s="114" customFormat="1" ht="20.100000000000001" customHeight="1" x14ac:dyDescent="0.2">
      <c r="A24" s="678" t="s">
        <v>38</v>
      </c>
      <c r="B24" s="680" t="s">
        <v>31</v>
      </c>
      <c r="C24" s="681"/>
      <c r="D24" s="682"/>
      <c r="E24" s="680" t="s">
        <v>32</v>
      </c>
      <c r="F24" s="681"/>
      <c r="G24" s="682"/>
      <c r="H24" s="680" t="s">
        <v>33</v>
      </c>
      <c r="I24" s="681"/>
      <c r="J24" s="682"/>
    </row>
    <row r="25" spans="1:10" s="114" customFormat="1" ht="20.100000000000001" customHeight="1" thickBot="1" x14ac:dyDescent="0.25">
      <c r="A25" s="679"/>
      <c r="B25" s="286" t="s">
        <v>269</v>
      </c>
      <c r="C25" s="287" t="s">
        <v>268</v>
      </c>
      <c r="D25" s="288" t="s">
        <v>181</v>
      </c>
      <c r="E25" s="286" t="s">
        <v>269</v>
      </c>
      <c r="F25" s="287" t="s">
        <v>268</v>
      </c>
      <c r="G25" s="288" t="s">
        <v>181</v>
      </c>
      <c r="H25" s="286" t="s">
        <v>269</v>
      </c>
      <c r="I25" s="287" t="s">
        <v>268</v>
      </c>
      <c r="J25" s="288" t="s">
        <v>181</v>
      </c>
    </row>
    <row r="26" spans="1:10" ht="20.100000000000001" customHeight="1" thickTop="1" x14ac:dyDescent="0.2">
      <c r="A26" s="289" t="s">
        <v>39</v>
      </c>
      <c r="B26" s="122">
        <v>534</v>
      </c>
      <c r="C26" s="145">
        <v>57</v>
      </c>
      <c r="D26" s="72">
        <v>0.10674157303370786</v>
      </c>
      <c r="E26" s="122">
        <v>533</v>
      </c>
      <c r="F26" s="145">
        <v>56</v>
      </c>
      <c r="G26" s="72">
        <v>0.1050656660412758</v>
      </c>
      <c r="H26" s="122">
        <v>1</v>
      </c>
      <c r="I26" s="145">
        <v>1</v>
      </c>
      <c r="J26" s="72">
        <v>1</v>
      </c>
    </row>
    <row r="27" spans="1:10" ht="20.100000000000001" customHeight="1" x14ac:dyDescent="0.2">
      <c r="A27" s="291" t="s">
        <v>40</v>
      </c>
      <c r="B27" s="124">
        <v>290</v>
      </c>
      <c r="C27" s="292">
        <v>28</v>
      </c>
      <c r="D27" s="72">
        <v>9.6551724137931033E-2</v>
      </c>
      <c r="E27" s="124">
        <v>290</v>
      </c>
      <c r="F27" s="292">
        <v>28</v>
      </c>
      <c r="G27" s="72">
        <v>9.6551724137931033E-2</v>
      </c>
      <c r="H27" s="124">
        <v>0</v>
      </c>
      <c r="I27" s="292">
        <v>0</v>
      </c>
      <c r="J27" s="176" t="s">
        <v>317</v>
      </c>
    </row>
    <row r="28" spans="1:10" ht="20.100000000000001" customHeight="1" x14ac:dyDescent="0.2">
      <c r="A28" s="291" t="s">
        <v>41</v>
      </c>
      <c r="B28" s="124">
        <v>74</v>
      </c>
      <c r="C28" s="292">
        <v>4</v>
      </c>
      <c r="D28" s="72">
        <v>5.4054054054054057E-2</v>
      </c>
      <c r="E28" s="124">
        <v>74</v>
      </c>
      <c r="F28" s="292">
        <v>4</v>
      </c>
      <c r="G28" s="72">
        <v>5.4054054054054057E-2</v>
      </c>
      <c r="H28" s="124">
        <v>0</v>
      </c>
      <c r="I28" s="292">
        <v>0</v>
      </c>
      <c r="J28" s="176" t="s">
        <v>317</v>
      </c>
    </row>
    <row r="29" spans="1:10" ht="20.100000000000001" customHeight="1" x14ac:dyDescent="0.2">
      <c r="A29" s="291" t="s">
        <v>42</v>
      </c>
      <c r="B29" s="124">
        <v>96</v>
      </c>
      <c r="C29" s="292">
        <v>14</v>
      </c>
      <c r="D29" s="72">
        <v>0.14583333333333334</v>
      </c>
      <c r="E29" s="124">
        <v>96</v>
      </c>
      <c r="F29" s="292">
        <v>14</v>
      </c>
      <c r="G29" s="72">
        <v>0.14583333333333334</v>
      </c>
      <c r="H29" s="124">
        <v>0</v>
      </c>
      <c r="I29" s="292">
        <v>0</v>
      </c>
      <c r="J29" s="176" t="s">
        <v>317</v>
      </c>
    </row>
    <row r="30" spans="1:10" s="113" customFormat="1" ht="20.100000000000001" customHeight="1" x14ac:dyDescent="0.2">
      <c r="A30" s="291" t="s">
        <v>43</v>
      </c>
      <c r="B30" s="124">
        <v>12</v>
      </c>
      <c r="C30" s="292">
        <v>0</v>
      </c>
      <c r="D30" s="72">
        <v>0</v>
      </c>
      <c r="E30" s="124">
        <v>12</v>
      </c>
      <c r="F30" s="292">
        <v>0</v>
      </c>
      <c r="G30" s="72">
        <v>0</v>
      </c>
      <c r="H30" s="124">
        <v>0</v>
      </c>
      <c r="I30" s="292">
        <v>0</v>
      </c>
      <c r="J30" s="176" t="s">
        <v>317</v>
      </c>
    </row>
    <row r="31" spans="1:10" ht="20.100000000000001" customHeight="1" x14ac:dyDescent="0.2">
      <c r="A31" s="291" t="s">
        <v>44</v>
      </c>
      <c r="B31" s="124">
        <v>59</v>
      </c>
      <c r="C31" s="292">
        <v>2</v>
      </c>
      <c r="D31" s="72">
        <v>3.3898305084745763E-2</v>
      </c>
      <c r="E31" s="124">
        <v>59</v>
      </c>
      <c r="F31" s="292">
        <v>2</v>
      </c>
      <c r="G31" s="72">
        <v>3.3898305084745763E-2</v>
      </c>
      <c r="H31" s="124">
        <v>0</v>
      </c>
      <c r="I31" s="292">
        <v>0</v>
      </c>
      <c r="J31" s="176" t="s">
        <v>317</v>
      </c>
    </row>
    <row r="32" spans="1:10" ht="20.100000000000001" customHeight="1" x14ac:dyDescent="0.2">
      <c r="A32" s="291" t="s">
        <v>45</v>
      </c>
      <c r="B32" s="124">
        <v>20</v>
      </c>
      <c r="C32" s="292">
        <v>2</v>
      </c>
      <c r="D32" s="72">
        <v>0.1</v>
      </c>
      <c r="E32" s="124">
        <v>20</v>
      </c>
      <c r="F32" s="292">
        <v>2</v>
      </c>
      <c r="G32" s="72">
        <v>0.1</v>
      </c>
      <c r="H32" s="124">
        <v>0</v>
      </c>
      <c r="I32" s="292">
        <v>0</v>
      </c>
      <c r="J32" s="176" t="s">
        <v>317</v>
      </c>
    </row>
    <row r="33" spans="1:10" ht="20.100000000000001" customHeight="1" thickBot="1" x14ac:dyDescent="0.25">
      <c r="A33" s="293" t="s">
        <v>46</v>
      </c>
      <c r="B33" s="129">
        <v>13</v>
      </c>
      <c r="C33" s="146">
        <v>1</v>
      </c>
      <c r="D33" s="62">
        <v>7.6923076923076927E-2</v>
      </c>
      <c r="E33" s="129">
        <v>13</v>
      </c>
      <c r="F33" s="146">
        <v>1</v>
      </c>
      <c r="G33" s="62">
        <v>7.6923076923076927E-2</v>
      </c>
      <c r="H33" s="129">
        <v>0</v>
      </c>
      <c r="I33" s="146">
        <v>0</v>
      </c>
      <c r="J33" s="176" t="s">
        <v>317</v>
      </c>
    </row>
    <row r="34" spans="1:10" s="113" customFormat="1" ht="20.100000000000001" customHeight="1" thickTop="1" thickBot="1" x14ac:dyDescent="0.25">
      <c r="A34" s="295" t="s">
        <v>11</v>
      </c>
      <c r="B34" s="147">
        <v>1098</v>
      </c>
      <c r="C34" s="149">
        <v>108</v>
      </c>
      <c r="D34" s="170">
        <v>9.8360655737704916E-2</v>
      </c>
      <c r="E34" s="147">
        <v>1097</v>
      </c>
      <c r="F34" s="149">
        <v>107</v>
      </c>
      <c r="G34" s="170">
        <v>9.7538742023700997E-2</v>
      </c>
      <c r="H34" s="147">
        <v>1</v>
      </c>
      <c r="I34" s="149">
        <v>1</v>
      </c>
      <c r="J34" s="170">
        <v>1</v>
      </c>
    </row>
    <row r="35" spans="1:10" ht="20.100000000000001" customHeight="1" x14ac:dyDescent="0.2">
      <c r="E35" s="115"/>
      <c r="F35" s="115"/>
      <c r="G35" s="117"/>
      <c r="H35" s="115"/>
      <c r="I35" s="115"/>
    </row>
  </sheetData>
  <mergeCells count="12">
    <mergeCell ref="A24:A25"/>
    <mergeCell ref="B24:D24"/>
    <mergeCell ref="E24:G24"/>
    <mergeCell ref="H24:J24"/>
    <mergeCell ref="A4:A5"/>
    <mergeCell ref="B4:D4"/>
    <mergeCell ref="E4:G4"/>
    <mergeCell ref="H4:J4"/>
    <mergeCell ref="A15:A16"/>
    <mergeCell ref="B15:D15"/>
    <mergeCell ref="E15:G15"/>
    <mergeCell ref="H15:J15"/>
  </mergeCells>
  <phoneticPr fontId="1"/>
  <pageMargins left="0.82677165354330717" right="0.23622047244094491" top="0.74803149606299213" bottom="0.55118110236220474" header="0.31496062992125984" footer="0.31496062992125984"/>
  <pageSetup paperSize="9" scale="70" orientation="landscape" r:id="rId1"/>
  <headerFooter>
    <oddFooter>&amp;C&amp;P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W37"/>
  <sheetViews>
    <sheetView view="pageBreakPreview" zoomScale="80" zoomScaleNormal="80" zoomScaleSheetLayoutView="80" zoomScalePageLayoutView="45" workbookViewId="0"/>
  </sheetViews>
  <sheetFormatPr defaultColWidth="7.59765625" defaultRowHeight="20.100000000000001" customHeight="1" x14ac:dyDescent="0.2"/>
  <cols>
    <col min="1" max="2" width="7.59765625" style="112"/>
    <col min="3" max="20" width="7.59765625" style="112" customWidth="1"/>
    <col min="21" max="16384" width="7.59765625" style="112"/>
  </cols>
  <sheetData>
    <row r="1" spans="1:23" ht="20.100000000000001" customHeight="1" x14ac:dyDescent="0.2">
      <c r="A1" s="281" t="s">
        <v>171</v>
      </c>
      <c r="B1" s="282"/>
      <c r="C1" s="282"/>
      <c r="D1" s="282"/>
      <c r="E1" s="282"/>
      <c r="F1" s="282"/>
      <c r="G1" s="282"/>
      <c r="H1" s="282"/>
      <c r="I1" s="282"/>
      <c r="J1" s="282"/>
      <c r="K1" s="282"/>
      <c r="L1" s="282"/>
      <c r="M1" s="282"/>
      <c r="N1" s="282"/>
      <c r="O1" s="282"/>
      <c r="P1" s="282"/>
      <c r="Q1" s="282"/>
      <c r="R1" s="282"/>
      <c r="S1" s="282"/>
      <c r="T1" s="282"/>
      <c r="U1" s="282"/>
      <c r="V1" s="282"/>
      <c r="W1" s="282"/>
    </row>
    <row r="2" spans="1:23" ht="20.100000000000001" customHeight="1" x14ac:dyDescent="0.2">
      <c r="A2" s="285"/>
      <c r="B2" s="282"/>
      <c r="C2" s="282"/>
      <c r="D2" s="282"/>
      <c r="E2" s="282"/>
      <c r="F2" s="282"/>
      <c r="G2" s="282"/>
      <c r="H2" s="282"/>
      <c r="I2" s="282"/>
      <c r="J2" s="282"/>
      <c r="K2" s="282"/>
      <c r="L2" s="282"/>
      <c r="M2" s="282"/>
      <c r="N2" s="282"/>
      <c r="O2" s="282"/>
      <c r="P2" s="282"/>
      <c r="Q2" s="282"/>
      <c r="R2" s="282"/>
      <c r="S2" s="282"/>
      <c r="T2" s="282"/>
      <c r="U2" s="282"/>
      <c r="V2" s="282"/>
      <c r="W2" s="282"/>
    </row>
    <row r="3" spans="1:23" ht="20.100000000000001" customHeight="1" thickBot="1" x14ac:dyDescent="0.25">
      <c r="A3" s="282" t="s">
        <v>57</v>
      </c>
      <c r="B3" s="282"/>
      <c r="C3" s="282"/>
      <c r="D3" s="282"/>
      <c r="E3" s="282"/>
      <c r="F3" s="282"/>
      <c r="G3" s="282"/>
      <c r="H3" s="282"/>
      <c r="I3" s="282"/>
      <c r="J3" s="282"/>
      <c r="K3" s="282"/>
      <c r="L3" s="282"/>
      <c r="M3" s="282"/>
      <c r="N3" s="282"/>
      <c r="O3" s="282"/>
      <c r="P3" s="282"/>
      <c r="Q3" s="282"/>
      <c r="R3" s="282"/>
      <c r="S3" s="282"/>
      <c r="T3" s="282"/>
      <c r="U3" s="282"/>
      <c r="V3" s="282"/>
      <c r="W3" s="282"/>
    </row>
    <row r="4" spans="1:23" ht="20.100000000000001" customHeight="1" thickBot="1" x14ac:dyDescent="0.25">
      <c r="A4" s="686" t="s">
        <v>7</v>
      </c>
      <c r="B4" s="688"/>
      <c r="C4" s="686" t="s">
        <v>272</v>
      </c>
      <c r="D4" s="687"/>
      <c r="E4" s="687"/>
      <c r="F4" s="687"/>
      <c r="G4" s="687"/>
      <c r="H4" s="687"/>
      <c r="I4" s="687"/>
      <c r="J4" s="687"/>
      <c r="K4" s="688"/>
      <c r="L4" s="686" t="s">
        <v>273</v>
      </c>
      <c r="M4" s="687"/>
      <c r="N4" s="687"/>
      <c r="O4" s="687"/>
      <c r="P4" s="687"/>
      <c r="Q4" s="687"/>
      <c r="R4" s="687"/>
      <c r="S4" s="687"/>
      <c r="T4" s="688"/>
      <c r="U4" s="680" t="s">
        <v>271</v>
      </c>
      <c r="V4" s="681"/>
      <c r="W4" s="682"/>
    </row>
    <row r="5" spans="1:23" ht="20.100000000000001" customHeight="1" x14ac:dyDescent="0.2">
      <c r="A5" s="701"/>
      <c r="B5" s="702"/>
      <c r="C5" s="698" t="s">
        <v>58</v>
      </c>
      <c r="D5" s="699"/>
      <c r="E5" s="700"/>
      <c r="F5" s="698" t="s">
        <v>59</v>
      </c>
      <c r="G5" s="699"/>
      <c r="H5" s="700"/>
      <c r="I5" s="698" t="s">
        <v>60</v>
      </c>
      <c r="J5" s="699"/>
      <c r="K5" s="700"/>
      <c r="L5" s="698" t="s">
        <v>58</v>
      </c>
      <c r="M5" s="699"/>
      <c r="N5" s="700"/>
      <c r="O5" s="698" t="s">
        <v>59</v>
      </c>
      <c r="P5" s="699"/>
      <c r="Q5" s="700"/>
      <c r="R5" s="698" t="s">
        <v>60</v>
      </c>
      <c r="S5" s="699"/>
      <c r="T5" s="700"/>
      <c r="U5" s="683"/>
      <c r="V5" s="684"/>
      <c r="W5" s="685"/>
    </row>
    <row r="6" spans="1:23" ht="20.100000000000001" customHeight="1" thickBot="1" x14ac:dyDescent="0.25">
      <c r="A6" s="703"/>
      <c r="B6" s="704"/>
      <c r="C6" s="302" t="s">
        <v>61</v>
      </c>
      <c r="D6" s="303" t="s">
        <v>62</v>
      </c>
      <c r="E6" s="304" t="s">
        <v>63</v>
      </c>
      <c r="F6" s="302" t="s">
        <v>61</v>
      </c>
      <c r="G6" s="303" t="s">
        <v>62</v>
      </c>
      <c r="H6" s="304" t="s">
        <v>63</v>
      </c>
      <c r="I6" s="302" t="s">
        <v>61</v>
      </c>
      <c r="J6" s="305" t="s">
        <v>62</v>
      </c>
      <c r="K6" s="306" t="s">
        <v>63</v>
      </c>
      <c r="L6" s="302" t="s">
        <v>61</v>
      </c>
      <c r="M6" s="303" t="s">
        <v>62</v>
      </c>
      <c r="N6" s="304" t="s">
        <v>63</v>
      </c>
      <c r="O6" s="302" t="s">
        <v>61</v>
      </c>
      <c r="P6" s="303" t="s">
        <v>62</v>
      </c>
      <c r="Q6" s="304" t="s">
        <v>63</v>
      </c>
      <c r="R6" s="302" t="s">
        <v>61</v>
      </c>
      <c r="S6" s="303" t="s">
        <v>62</v>
      </c>
      <c r="T6" s="304" t="s">
        <v>63</v>
      </c>
      <c r="U6" s="302" t="s">
        <v>61</v>
      </c>
      <c r="V6" s="303" t="s">
        <v>62</v>
      </c>
      <c r="W6" s="307" t="s">
        <v>63</v>
      </c>
    </row>
    <row r="7" spans="1:23" ht="20.100000000000001" customHeight="1" thickTop="1" x14ac:dyDescent="0.2">
      <c r="A7" s="701" t="s">
        <v>86</v>
      </c>
      <c r="B7" s="702"/>
      <c r="C7" s="118">
        <v>38</v>
      </c>
      <c r="D7" s="119">
        <v>9</v>
      </c>
      <c r="E7" s="120">
        <v>47</v>
      </c>
      <c r="F7" s="118">
        <v>35</v>
      </c>
      <c r="G7" s="119">
        <v>9</v>
      </c>
      <c r="H7" s="120">
        <v>44</v>
      </c>
      <c r="I7" s="118">
        <v>3</v>
      </c>
      <c r="J7" s="142">
        <v>0</v>
      </c>
      <c r="K7" s="121">
        <v>3</v>
      </c>
      <c r="L7" s="118">
        <v>220</v>
      </c>
      <c r="M7" s="119">
        <v>63</v>
      </c>
      <c r="N7" s="120">
        <v>283</v>
      </c>
      <c r="O7" s="118">
        <v>145</v>
      </c>
      <c r="P7" s="119">
        <v>45</v>
      </c>
      <c r="Q7" s="120">
        <v>190</v>
      </c>
      <c r="R7" s="118">
        <v>75</v>
      </c>
      <c r="S7" s="142">
        <v>18</v>
      </c>
      <c r="T7" s="121">
        <v>93</v>
      </c>
      <c r="U7" s="122">
        <v>258</v>
      </c>
      <c r="V7" s="123">
        <v>72</v>
      </c>
      <c r="W7" s="120">
        <v>330</v>
      </c>
    </row>
    <row r="8" spans="1:23" ht="20.100000000000001" customHeight="1" x14ac:dyDescent="0.2">
      <c r="A8" s="705" t="s">
        <v>87</v>
      </c>
      <c r="B8" s="706"/>
      <c r="C8" s="124">
        <v>161</v>
      </c>
      <c r="D8" s="125">
        <v>68</v>
      </c>
      <c r="E8" s="126">
        <v>229</v>
      </c>
      <c r="F8" s="124">
        <v>144</v>
      </c>
      <c r="G8" s="125">
        <v>64</v>
      </c>
      <c r="H8" s="126">
        <v>208</v>
      </c>
      <c r="I8" s="124">
        <v>17</v>
      </c>
      <c r="J8" s="125">
        <v>4</v>
      </c>
      <c r="K8" s="127">
        <v>21</v>
      </c>
      <c r="L8" s="124">
        <v>575</v>
      </c>
      <c r="M8" s="125">
        <v>276</v>
      </c>
      <c r="N8" s="126">
        <v>851</v>
      </c>
      <c r="O8" s="124">
        <v>418</v>
      </c>
      <c r="P8" s="125">
        <v>203</v>
      </c>
      <c r="Q8" s="126">
        <v>621</v>
      </c>
      <c r="R8" s="124">
        <v>157</v>
      </c>
      <c r="S8" s="125">
        <v>73</v>
      </c>
      <c r="T8" s="127">
        <v>230</v>
      </c>
      <c r="U8" s="124">
        <v>736</v>
      </c>
      <c r="V8" s="128">
        <v>344</v>
      </c>
      <c r="W8" s="120">
        <v>1080</v>
      </c>
    </row>
    <row r="9" spans="1:23" ht="20.100000000000001" customHeight="1" x14ac:dyDescent="0.2">
      <c r="A9" s="705" t="s">
        <v>88</v>
      </c>
      <c r="B9" s="706"/>
      <c r="C9" s="124">
        <v>118</v>
      </c>
      <c r="D9" s="125">
        <v>65</v>
      </c>
      <c r="E9" s="126">
        <v>183</v>
      </c>
      <c r="F9" s="124">
        <v>108</v>
      </c>
      <c r="G9" s="125">
        <v>59</v>
      </c>
      <c r="H9" s="126">
        <v>167</v>
      </c>
      <c r="I9" s="124">
        <v>10</v>
      </c>
      <c r="J9" s="125">
        <v>6</v>
      </c>
      <c r="K9" s="127">
        <v>16</v>
      </c>
      <c r="L9" s="124">
        <v>232</v>
      </c>
      <c r="M9" s="125">
        <v>192</v>
      </c>
      <c r="N9" s="126">
        <v>424</v>
      </c>
      <c r="O9" s="124">
        <v>172</v>
      </c>
      <c r="P9" s="125">
        <v>156</v>
      </c>
      <c r="Q9" s="126">
        <v>328</v>
      </c>
      <c r="R9" s="124">
        <v>60</v>
      </c>
      <c r="S9" s="125">
        <v>36</v>
      </c>
      <c r="T9" s="127">
        <v>96</v>
      </c>
      <c r="U9" s="124">
        <v>350</v>
      </c>
      <c r="V9" s="128">
        <v>257</v>
      </c>
      <c r="W9" s="120">
        <v>607</v>
      </c>
    </row>
    <row r="10" spans="1:23" ht="20.100000000000001" customHeight="1" x14ac:dyDescent="0.2">
      <c r="A10" s="707" t="s">
        <v>89</v>
      </c>
      <c r="B10" s="708"/>
      <c r="C10" s="124">
        <v>48</v>
      </c>
      <c r="D10" s="125">
        <v>73</v>
      </c>
      <c r="E10" s="126">
        <v>121</v>
      </c>
      <c r="F10" s="124">
        <v>47</v>
      </c>
      <c r="G10" s="125">
        <v>71</v>
      </c>
      <c r="H10" s="126">
        <v>118</v>
      </c>
      <c r="I10" s="124">
        <v>1</v>
      </c>
      <c r="J10" s="125">
        <v>2</v>
      </c>
      <c r="K10" s="127">
        <v>3</v>
      </c>
      <c r="L10" s="124">
        <v>116</v>
      </c>
      <c r="M10" s="125">
        <v>178</v>
      </c>
      <c r="N10" s="126">
        <v>294</v>
      </c>
      <c r="O10" s="124">
        <v>77</v>
      </c>
      <c r="P10" s="125">
        <v>121</v>
      </c>
      <c r="Q10" s="126">
        <v>198</v>
      </c>
      <c r="R10" s="124">
        <v>39</v>
      </c>
      <c r="S10" s="125">
        <v>57</v>
      </c>
      <c r="T10" s="127">
        <v>96</v>
      </c>
      <c r="U10" s="124">
        <v>164</v>
      </c>
      <c r="V10" s="128">
        <v>251</v>
      </c>
      <c r="W10" s="120">
        <v>415</v>
      </c>
    </row>
    <row r="11" spans="1:23" ht="20.100000000000001" customHeight="1" x14ac:dyDescent="0.2">
      <c r="A11" s="701" t="s">
        <v>90</v>
      </c>
      <c r="B11" s="702"/>
      <c r="C11" s="124">
        <v>51</v>
      </c>
      <c r="D11" s="125">
        <v>41</v>
      </c>
      <c r="E11" s="126">
        <v>92</v>
      </c>
      <c r="F11" s="124">
        <v>43</v>
      </c>
      <c r="G11" s="125">
        <v>39</v>
      </c>
      <c r="H11" s="126">
        <v>82</v>
      </c>
      <c r="I11" s="124">
        <v>8</v>
      </c>
      <c r="J11" s="125">
        <v>2</v>
      </c>
      <c r="K11" s="127">
        <v>10</v>
      </c>
      <c r="L11" s="124">
        <v>95</v>
      </c>
      <c r="M11" s="125">
        <v>65</v>
      </c>
      <c r="N11" s="126">
        <v>160</v>
      </c>
      <c r="O11" s="124">
        <v>60</v>
      </c>
      <c r="P11" s="125">
        <v>51</v>
      </c>
      <c r="Q11" s="126">
        <v>111</v>
      </c>
      <c r="R11" s="124">
        <v>35</v>
      </c>
      <c r="S11" s="125">
        <v>14</v>
      </c>
      <c r="T11" s="127">
        <v>49</v>
      </c>
      <c r="U11" s="124">
        <v>146</v>
      </c>
      <c r="V11" s="128">
        <v>106</v>
      </c>
      <c r="W11" s="120">
        <v>252</v>
      </c>
    </row>
    <row r="12" spans="1:23" ht="20.100000000000001" customHeight="1" thickBot="1" x14ac:dyDescent="0.25">
      <c r="A12" s="709" t="s">
        <v>10</v>
      </c>
      <c r="B12" s="710"/>
      <c r="C12" s="129">
        <v>99</v>
      </c>
      <c r="D12" s="130">
        <v>183</v>
      </c>
      <c r="E12" s="131">
        <v>282</v>
      </c>
      <c r="F12" s="129">
        <v>80</v>
      </c>
      <c r="G12" s="130">
        <v>159</v>
      </c>
      <c r="H12" s="131">
        <v>239</v>
      </c>
      <c r="I12" s="129">
        <v>19</v>
      </c>
      <c r="J12" s="130">
        <v>24</v>
      </c>
      <c r="K12" s="132">
        <v>43</v>
      </c>
      <c r="L12" s="129">
        <v>121</v>
      </c>
      <c r="M12" s="130">
        <v>97</v>
      </c>
      <c r="N12" s="131">
        <v>218</v>
      </c>
      <c r="O12" s="129">
        <v>90</v>
      </c>
      <c r="P12" s="130">
        <v>82</v>
      </c>
      <c r="Q12" s="131">
        <v>172</v>
      </c>
      <c r="R12" s="129">
        <v>31</v>
      </c>
      <c r="S12" s="130">
        <v>15</v>
      </c>
      <c r="T12" s="132">
        <v>46</v>
      </c>
      <c r="U12" s="129">
        <v>220</v>
      </c>
      <c r="V12" s="133">
        <v>280</v>
      </c>
      <c r="W12" s="134">
        <v>500</v>
      </c>
    </row>
    <row r="13" spans="1:23" ht="20.100000000000001" customHeight="1" thickTop="1" thickBot="1" x14ac:dyDescent="0.25">
      <c r="A13" s="711" t="s">
        <v>15</v>
      </c>
      <c r="B13" s="712"/>
      <c r="C13" s="135">
        <v>515</v>
      </c>
      <c r="D13" s="136">
        <v>439</v>
      </c>
      <c r="E13" s="137">
        <v>954</v>
      </c>
      <c r="F13" s="135">
        <v>457</v>
      </c>
      <c r="G13" s="136">
        <v>401</v>
      </c>
      <c r="H13" s="137">
        <v>858</v>
      </c>
      <c r="I13" s="135">
        <v>58</v>
      </c>
      <c r="J13" s="136">
        <v>38</v>
      </c>
      <c r="K13" s="138">
        <v>96</v>
      </c>
      <c r="L13" s="135">
        <v>1359</v>
      </c>
      <c r="M13" s="136">
        <v>871</v>
      </c>
      <c r="N13" s="137">
        <v>2230</v>
      </c>
      <c r="O13" s="135">
        <v>962</v>
      </c>
      <c r="P13" s="136">
        <v>658</v>
      </c>
      <c r="Q13" s="137">
        <v>1620</v>
      </c>
      <c r="R13" s="135">
        <v>397</v>
      </c>
      <c r="S13" s="136">
        <v>213</v>
      </c>
      <c r="T13" s="137">
        <v>610</v>
      </c>
      <c r="U13" s="135">
        <v>1874</v>
      </c>
      <c r="V13" s="136">
        <v>1310</v>
      </c>
      <c r="W13" s="137">
        <v>3184</v>
      </c>
    </row>
    <row r="14" spans="1:23" ht="20.100000000000001" customHeight="1" x14ac:dyDescent="0.2">
      <c r="A14" s="282"/>
      <c r="B14" s="308"/>
      <c r="C14" s="139"/>
      <c r="D14" s="139"/>
      <c r="E14" s="139"/>
      <c r="F14" s="282"/>
      <c r="G14" s="282"/>
      <c r="H14" s="282"/>
      <c r="I14" s="282"/>
      <c r="J14" s="282"/>
      <c r="K14" s="282"/>
      <c r="L14" s="282"/>
      <c r="M14" s="282"/>
      <c r="N14" s="282"/>
      <c r="O14" s="282"/>
      <c r="P14" s="282"/>
      <c r="Q14" s="139"/>
      <c r="R14" s="139"/>
      <c r="S14" s="139"/>
      <c r="T14" s="140"/>
      <c r="U14" s="139"/>
      <c r="V14" s="139"/>
      <c r="W14" s="139"/>
    </row>
    <row r="15" spans="1:23" ht="20.100000000000001" customHeight="1" thickBot="1" x14ac:dyDescent="0.25">
      <c r="A15" s="282" t="s">
        <v>64</v>
      </c>
      <c r="B15" s="282"/>
      <c r="C15" s="282"/>
      <c r="D15" s="282"/>
      <c r="E15" s="282"/>
      <c r="F15" s="282"/>
      <c r="G15" s="282"/>
      <c r="H15" s="282"/>
      <c r="I15" s="282"/>
      <c r="J15" s="282"/>
      <c r="K15" s="282"/>
      <c r="L15" s="282"/>
      <c r="M15" s="282"/>
      <c r="N15" s="282"/>
      <c r="O15" s="282"/>
      <c r="P15" s="282"/>
      <c r="Q15" s="282"/>
      <c r="R15" s="282"/>
      <c r="S15" s="282"/>
      <c r="T15" s="282"/>
      <c r="U15" s="282"/>
      <c r="V15" s="282"/>
      <c r="W15" s="282"/>
    </row>
    <row r="16" spans="1:23" ht="20.100000000000001" customHeight="1" thickBot="1" x14ac:dyDescent="0.25">
      <c r="A16" s="689" t="s">
        <v>72</v>
      </c>
      <c r="B16" s="691"/>
      <c r="C16" s="686" t="s">
        <v>272</v>
      </c>
      <c r="D16" s="687"/>
      <c r="E16" s="687"/>
      <c r="F16" s="687"/>
      <c r="G16" s="687"/>
      <c r="H16" s="687"/>
      <c r="I16" s="687"/>
      <c r="J16" s="687"/>
      <c r="K16" s="688"/>
      <c r="L16" s="686" t="s">
        <v>273</v>
      </c>
      <c r="M16" s="687"/>
      <c r="N16" s="687"/>
      <c r="O16" s="687"/>
      <c r="P16" s="687"/>
      <c r="Q16" s="687"/>
      <c r="R16" s="687"/>
      <c r="S16" s="687"/>
      <c r="T16" s="688"/>
      <c r="U16" s="689" t="s">
        <v>271</v>
      </c>
      <c r="V16" s="690"/>
      <c r="W16" s="691"/>
    </row>
    <row r="17" spans="1:23" ht="20.100000000000001" customHeight="1" thickBot="1" x14ac:dyDescent="0.25">
      <c r="A17" s="692"/>
      <c r="B17" s="694"/>
      <c r="C17" s="695" t="s">
        <v>58</v>
      </c>
      <c r="D17" s="696"/>
      <c r="E17" s="697"/>
      <c r="F17" s="695" t="s">
        <v>59</v>
      </c>
      <c r="G17" s="696"/>
      <c r="H17" s="697"/>
      <c r="I17" s="695" t="s">
        <v>60</v>
      </c>
      <c r="J17" s="696"/>
      <c r="K17" s="697"/>
      <c r="L17" s="695" t="s">
        <v>58</v>
      </c>
      <c r="M17" s="696"/>
      <c r="N17" s="697"/>
      <c r="O17" s="695" t="s">
        <v>59</v>
      </c>
      <c r="P17" s="696"/>
      <c r="Q17" s="697"/>
      <c r="R17" s="698" t="s">
        <v>60</v>
      </c>
      <c r="S17" s="699"/>
      <c r="T17" s="700"/>
      <c r="U17" s="692"/>
      <c r="V17" s="693"/>
      <c r="W17" s="694"/>
    </row>
    <row r="18" spans="1:23" ht="20.100000000000001" customHeight="1" thickBot="1" x14ac:dyDescent="0.25">
      <c r="A18" s="713"/>
      <c r="B18" s="714"/>
      <c r="C18" s="302" t="s">
        <v>61</v>
      </c>
      <c r="D18" s="303" t="s">
        <v>62</v>
      </c>
      <c r="E18" s="304" t="s">
        <v>63</v>
      </c>
      <c r="F18" s="302" t="s">
        <v>61</v>
      </c>
      <c r="G18" s="303" t="s">
        <v>62</v>
      </c>
      <c r="H18" s="304" t="s">
        <v>63</v>
      </c>
      <c r="I18" s="302" t="s">
        <v>61</v>
      </c>
      <c r="J18" s="303" t="s">
        <v>62</v>
      </c>
      <c r="K18" s="304" t="s">
        <v>63</v>
      </c>
      <c r="L18" s="302" t="s">
        <v>61</v>
      </c>
      <c r="M18" s="303" t="s">
        <v>62</v>
      </c>
      <c r="N18" s="304" t="s">
        <v>63</v>
      </c>
      <c r="O18" s="302" t="s">
        <v>61</v>
      </c>
      <c r="P18" s="303" t="s">
        <v>62</v>
      </c>
      <c r="Q18" s="304" t="s">
        <v>63</v>
      </c>
      <c r="R18" s="302" t="s">
        <v>61</v>
      </c>
      <c r="S18" s="303" t="s">
        <v>62</v>
      </c>
      <c r="T18" s="304" t="s">
        <v>63</v>
      </c>
      <c r="U18" s="309" t="s">
        <v>61</v>
      </c>
      <c r="V18" s="310" t="s">
        <v>62</v>
      </c>
      <c r="W18" s="311" t="s">
        <v>63</v>
      </c>
    </row>
    <row r="19" spans="1:23" ht="20.100000000000001" customHeight="1" thickTop="1" x14ac:dyDescent="0.2">
      <c r="A19" s="715" t="s">
        <v>17</v>
      </c>
      <c r="B19" s="716"/>
      <c r="C19" s="122">
        <v>2</v>
      </c>
      <c r="D19" s="141">
        <v>3</v>
      </c>
      <c r="E19" s="120">
        <v>5</v>
      </c>
      <c r="F19" s="118">
        <v>2</v>
      </c>
      <c r="G19" s="119">
        <v>1</v>
      </c>
      <c r="H19" s="120">
        <v>3</v>
      </c>
      <c r="I19" s="118">
        <v>0</v>
      </c>
      <c r="J19" s="142">
        <v>2</v>
      </c>
      <c r="K19" s="121">
        <v>2</v>
      </c>
      <c r="L19" s="118">
        <v>5</v>
      </c>
      <c r="M19" s="119">
        <v>0</v>
      </c>
      <c r="N19" s="120">
        <v>5</v>
      </c>
      <c r="O19" s="118">
        <v>3</v>
      </c>
      <c r="P19" s="119">
        <v>0</v>
      </c>
      <c r="Q19" s="120">
        <v>3</v>
      </c>
      <c r="R19" s="118">
        <v>2</v>
      </c>
      <c r="S19" s="142">
        <v>0</v>
      </c>
      <c r="T19" s="121">
        <v>2</v>
      </c>
      <c r="U19" s="118">
        <v>7</v>
      </c>
      <c r="V19" s="142">
        <v>3</v>
      </c>
      <c r="W19" s="120">
        <v>10</v>
      </c>
    </row>
    <row r="20" spans="1:23" ht="20.100000000000001" customHeight="1" x14ac:dyDescent="0.2">
      <c r="A20" s="717" t="s">
        <v>18</v>
      </c>
      <c r="B20" s="718"/>
      <c r="C20" s="124">
        <v>5</v>
      </c>
      <c r="D20" s="125">
        <v>19</v>
      </c>
      <c r="E20" s="126">
        <v>24</v>
      </c>
      <c r="F20" s="124">
        <v>5</v>
      </c>
      <c r="G20" s="125">
        <v>17</v>
      </c>
      <c r="H20" s="126">
        <v>22</v>
      </c>
      <c r="I20" s="124">
        <v>0</v>
      </c>
      <c r="J20" s="125">
        <v>2</v>
      </c>
      <c r="K20" s="127">
        <v>2</v>
      </c>
      <c r="L20" s="124">
        <v>17</v>
      </c>
      <c r="M20" s="125">
        <v>13</v>
      </c>
      <c r="N20" s="120">
        <v>30</v>
      </c>
      <c r="O20" s="124">
        <v>7</v>
      </c>
      <c r="P20" s="125">
        <v>9</v>
      </c>
      <c r="Q20" s="126">
        <v>16</v>
      </c>
      <c r="R20" s="124">
        <v>10</v>
      </c>
      <c r="S20" s="125">
        <v>4</v>
      </c>
      <c r="T20" s="127">
        <v>14</v>
      </c>
      <c r="U20" s="124">
        <v>22</v>
      </c>
      <c r="V20" s="128">
        <v>32</v>
      </c>
      <c r="W20" s="126">
        <v>54</v>
      </c>
    </row>
    <row r="21" spans="1:23" ht="20.100000000000001" customHeight="1" x14ac:dyDescent="0.2">
      <c r="A21" s="717" t="s">
        <v>19</v>
      </c>
      <c r="B21" s="718"/>
      <c r="C21" s="124">
        <v>492</v>
      </c>
      <c r="D21" s="125">
        <v>406</v>
      </c>
      <c r="E21" s="126">
        <v>898</v>
      </c>
      <c r="F21" s="124">
        <v>437</v>
      </c>
      <c r="G21" s="125">
        <v>373</v>
      </c>
      <c r="H21" s="126">
        <v>810</v>
      </c>
      <c r="I21" s="124">
        <v>55</v>
      </c>
      <c r="J21" s="125">
        <v>33</v>
      </c>
      <c r="K21" s="127">
        <v>88</v>
      </c>
      <c r="L21" s="124">
        <v>1271</v>
      </c>
      <c r="M21" s="125">
        <v>827</v>
      </c>
      <c r="N21" s="120">
        <v>2098</v>
      </c>
      <c r="O21" s="124">
        <v>917</v>
      </c>
      <c r="P21" s="125">
        <v>637</v>
      </c>
      <c r="Q21" s="126">
        <v>1554</v>
      </c>
      <c r="R21" s="124">
        <v>354</v>
      </c>
      <c r="S21" s="125">
        <v>190</v>
      </c>
      <c r="T21" s="127">
        <v>544</v>
      </c>
      <c r="U21" s="124">
        <v>1763</v>
      </c>
      <c r="V21" s="128">
        <v>1233</v>
      </c>
      <c r="W21" s="126">
        <v>2996</v>
      </c>
    </row>
    <row r="22" spans="1:23" ht="20.100000000000001" customHeight="1" thickBot="1" x14ac:dyDescent="0.25">
      <c r="A22" s="719" t="s">
        <v>20</v>
      </c>
      <c r="B22" s="720"/>
      <c r="C22" s="129">
        <v>16</v>
      </c>
      <c r="D22" s="130">
        <v>11</v>
      </c>
      <c r="E22" s="131">
        <v>27</v>
      </c>
      <c r="F22" s="129">
        <v>13</v>
      </c>
      <c r="G22" s="130">
        <v>10</v>
      </c>
      <c r="H22" s="131">
        <v>23</v>
      </c>
      <c r="I22" s="129">
        <v>3</v>
      </c>
      <c r="J22" s="130">
        <v>1</v>
      </c>
      <c r="K22" s="132">
        <v>4</v>
      </c>
      <c r="L22" s="129">
        <v>66</v>
      </c>
      <c r="M22" s="130">
        <v>31</v>
      </c>
      <c r="N22" s="143">
        <v>97</v>
      </c>
      <c r="O22" s="129">
        <v>35</v>
      </c>
      <c r="P22" s="130">
        <v>12</v>
      </c>
      <c r="Q22" s="131">
        <v>47</v>
      </c>
      <c r="R22" s="129">
        <v>31</v>
      </c>
      <c r="S22" s="130">
        <v>19</v>
      </c>
      <c r="T22" s="132">
        <v>50</v>
      </c>
      <c r="U22" s="129">
        <v>82</v>
      </c>
      <c r="V22" s="133">
        <v>42</v>
      </c>
      <c r="W22" s="131">
        <v>124</v>
      </c>
    </row>
    <row r="23" spans="1:23" ht="20.100000000000001" customHeight="1" thickTop="1" thickBot="1" x14ac:dyDescent="0.25">
      <c r="A23" s="721" t="s">
        <v>56</v>
      </c>
      <c r="B23" s="722"/>
      <c r="C23" s="135">
        <v>515</v>
      </c>
      <c r="D23" s="136">
        <v>439</v>
      </c>
      <c r="E23" s="137">
        <v>954</v>
      </c>
      <c r="F23" s="135">
        <v>457</v>
      </c>
      <c r="G23" s="136">
        <v>401</v>
      </c>
      <c r="H23" s="137">
        <v>858</v>
      </c>
      <c r="I23" s="135">
        <v>58</v>
      </c>
      <c r="J23" s="136">
        <v>38</v>
      </c>
      <c r="K23" s="138">
        <v>96</v>
      </c>
      <c r="L23" s="135">
        <v>1359</v>
      </c>
      <c r="M23" s="136">
        <v>871</v>
      </c>
      <c r="N23" s="144">
        <v>2230</v>
      </c>
      <c r="O23" s="135">
        <v>962</v>
      </c>
      <c r="P23" s="136">
        <v>658</v>
      </c>
      <c r="Q23" s="137">
        <v>1620</v>
      </c>
      <c r="R23" s="135">
        <v>397</v>
      </c>
      <c r="S23" s="136">
        <v>213</v>
      </c>
      <c r="T23" s="137">
        <v>610</v>
      </c>
      <c r="U23" s="135">
        <v>1874</v>
      </c>
      <c r="V23" s="136">
        <v>1310</v>
      </c>
      <c r="W23" s="137">
        <v>3184</v>
      </c>
    </row>
    <row r="24" spans="1:23" ht="20.100000000000001" customHeight="1" x14ac:dyDescent="0.2">
      <c r="A24" s="282"/>
      <c r="B24" s="282"/>
      <c r="C24" s="282"/>
      <c r="D24" s="282"/>
      <c r="E24" s="282"/>
      <c r="F24" s="139"/>
      <c r="G24" s="139"/>
      <c r="H24" s="139"/>
      <c r="I24" s="139"/>
      <c r="J24" s="139"/>
      <c r="K24" s="140"/>
      <c r="L24" s="139"/>
      <c r="M24" s="139"/>
      <c r="N24" s="139"/>
      <c r="O24" s="139"/>
      <c r="P24" s="139"/>
      <c r="Q24" s="282"/>
      <c r="R24" s="282"/>
      <c r="S24" s="282"/>
      <c r="T24" s="282"/>
      <c r="U24" s="282"/>
      <c r="V24" s="282"/>
      <c r="W24" s="282"/>
    </row>
    <row r="25" spans="1:23" ht="20.100000000000001" customHeight="1" thickBot="1" x14ac:dyDescent="0.25">
      <c r="A25" s="282" t="s">
        <v>104</v>
      </c>
      <c r="B25" s="282"/>
      <c r="C25" s="282"/>
      <c r="D25" s="282"/>
      <c r="E25" s="282"/>
      <c r="F25" s="282"/>
      <c r="G25" s="282"/>
      <c r="H25" s="282"/>
      <c r="I25" s="282"/>
      <c r="J25" s="282"/>
      <c r="K25" s="282"/>
      <c r="L25" s="282"/>
      <c r="M25" s="282"/>
      <c r="N25" s="282"/>
      <c r="O25" s="282"/>
      <c r="P25" s="282"/>
      <c r="Q25" s="282"/>
      <c r="R25" s="282"/>
      <c r="S25" s="282"/>
      <c r="T25" s="282"/>
      <c r="U25" s="282"/>
      <c r="V25" s="282"/>
      <c r="W25" s="282"/>
    </row>
    <row r="26" spans="1:23" ht="20.100000000000001" customHeight="1" thickBot="1" x14ac:dyDescent="0.25">
      <c r="A26" s="686" t="s">
        <v>134</v>
      </c>
      <c r="B26" s="688"/>
      <c r="C26" s="686" t="s">
        <v>272</v>
      </c>
      <c r="D26" s="687"/>
      <c r="E26" s="687"/>
      <c r="F26" s="687"/>
      <c r="G26" s="687"/>
      <c r="H26" s="687"/>
      <c r="I26" s="687"/>
      <c r="J26" s="687"/>
      <c r="K26" s="688"/>
      <c r="L26" s="686" t="s">
        <v>273</v>
      </c>
      <c r="M26" s="687"/>
      <c r="N26" s="687"/>
      <c r="O26" s="687"/>
      <c r="P26" s="687"/>
      <c r="Q26" s="687"/>
      <c r="R26" s="687"/>
      <c r="S26" s="687"/>
      <c r="T26" s="688"/>
      <c r="U26" s="680" t="s">
        <v>271</v>
      </c>
      <c r="V26" s="681"/>
      <c r="W26" s="682"/>
    </row>
    <row r="27" spans="1:23" ht="20.100000000000001" customHeight="1" x14ac:dyDescent="0.2">
      <c r="A27" s="701"/>
      <c r="B27" s="702"/>
      <c r="C27" s="698" t="s">
        <v>58</v>
      </c>
      <c r="D27" s="699"/>
      <c r="E27" s="700"/>
      <c r="F27" s="698" t="s">
        <v>59</v>
      </c>
      <c r="G27" s="699"/>
      <c r="H27" s="700"/>
      <c r="I27" s="698" t="s">
        <v>60</v>
      </c>
      <c r="J27" s="699"/>
      <c r="K27" s="700"/>
      <c r="L27" s="698" t="s">
        <v>58</v>
      </c>
      <c r="M27" s="699"/>
      <c r="N27" s="700"/>
      <c r="O27" s="698" t="s">
        <v>59</v>
      </c>
      <c r="P27" s="699"/>
      <c r="Q27" s="700"/>
      <c r="R27" s="698" t="s">
        <v>60</v>
      </c>
      <c r="S27" s="699"/>
      <c r="T27" s="700"/>
      <c r="U27" s="683"/>
      <c r="V27" s="684"/>
      <c r="W27" s="685"/>
    </row>
    <row r="28" spans="1:23" ht="20.100000000000001" customHeight="1" thickBot="1" x14ac:dyDescent="0.25">
      <c r="A28" s="703"/>
      <c r="B28" s="704"/>
      <c r="C28" s="302" t="s">
        <v>61</v>
      </c>
      <c r="D28" s="303" t="s">
        <v>62</v>
      </c>
      <c r="E28" s="304" t="s">
        <v>63</v>
      </c>
      <c r="F28" s="302" t="s">
        <v>61</v>
      </c>
      <c r="G28" s="303" t="s">
        <v>62</v>
      </c>
      <c r="H28" s="304" t="s">
        <v>63</v>
      </c>
      <c r="I28" s="302" t="s">
        <v>61</v>
      </c>
      <c r="J28" s="305" t="s">
        <v>62</v>
      </c>
      <c r="K28" s="306" t="s">
        <v>63</v>
      </c>
      <c r="L28" s="302" t="s">
        <v>61</v>
      </c>
      <c r="M28" s="303" t="s">
        <v>62</v>
      </c>
      <c r="N28" s="304" t="s">
        <v>63</v>
      </c>
      <c r="O28" s="302" t="s">
        <v>61</v>
      </c>
      <c r="P28" s="303" t="s">
        <v>62</v>
      </c>
      <c r="Q28" s="304" t="s">
        <v>63</v>
      </c>
      <c r="R28" s="302" t="s">
        <v>61</v>
      </c>
      <c r="S28" s="303" t="s">
        <v>62</v>
      </c>
      <c r="T28" s="304" t="s">
        <v>63</v>
      </c>
      <c r="U28" s="302" t="s">
        <v>61</v>
      </c>
      <c r="V28" s="303" t="s">
        <v>62</v>
      </c>
      <c r="W28" s="307" t="s">
        <v>63</v>
      </c>
    </row>
    <row r="29" spans="1:23" ht="20.100000000000001" customHeight="1" thickTop="1" x14ac:dyDescent="0.2">
      <c r="A29" s="723" t="s">
        <v>39</v>
      </c>
      <c r="B29" s="724"/>
      <c r="C29" s="118">
        <v>195</v>
      </c>
      <c r="D29" s="119">
        <v>152</v>
      </c>
      <c r="E29" s="120">
        <v>347</v>
      </c>
      <c r="F29" s="118">
        <v>180</v>
      </c>
      <c r="G29" s="119">
        <v>147</v>
      </c>
      <c r="H29" s="120">
        <v>327</v>
      </c>
      <c r="I29" s="118">
        <v>15</v>
      </c>
      <c r="J29" s="142">
        <v>5</v>
      </c>
      <c r="K29" s="121">
        <v>20</v>
      </c>
      <c r="L29" s="118">
        <v>574</v>
      </c>
      <c r="M29" s="119">
        <v>341</v>
      </c>
      <c r="N29" s="120">
        <v>915</v>
      </c>
      <c r="O29" s="118">
        <v>420</v>
      </c>
      <c r="P29" s="119">
        <v>258</v>
      </c>
      <c r="Q29" s="120">
        <v>678</v>
      </c>
      <c r="R29" s="118">
        <v>154</v>
      </c>
      <c r="S29" s="142">
        <v>83</v>
      </c>
      <c r="T29" s="120">
        <v>237</v>
      </c>
      <c r="U29" s="122">
        <v>769</v>
      </c>
      <c r="V29" s="123">
        <v>493</v>
      </c>
      <c r="W29" s="120">
        <v>1262</v>
      </c>
    </row>
    <row r="30" spans="1:23" ht="20.100000000000001" customHeight="1" x14ac:dyDescent="0.2">
      <c r="A30" s="707" t="s">
        <v>105</v>
      </c>
      <c r="B30" s="708"/>
      <c r="C30" s="124">
        <v>60</v>
      </c>
      <c r="D30" s="125">
        <v>159</v>
      </c>
      <c r="E30" s="126">
        <v>219</v>
      </c>
      <c r="F30" s="124">
        <v>55</v>
      </c>
      <c r="G30" s="125">
        <v>135</v>
      </c>
      <c r="H30" s="126">
        <v>190</v>
      </c>
      <c r="I30" s="124">
        <v>5</v>
      </c>
      <c r="J30" s="125">
        <v>24</v>
      </c>
      <c r="K30" s="127">
        <v>29</v>
      </c>
      <c r="L30" s="124">
        <v>109</v>
      </c>
      <c r="M30" s="125">
        <v>203</v>
      </c>
      <c r="N30" s="126">
        <v>312</v>
      </c>
      <c r="O30" s="124">
        <v>86</v>
      </c>
      <c r="P30" s="125">
        <v>156</v>
      </c>
      <c r="Q30" s="126">
        <v>242</v>
      </c>
      <c r="R30" s="124">
        <v>23</v>
      </c>
      <c r="S30" s="125">
        <v>47</v>
      </c>
      <c r="T30" s="127">
        <v>70</v>
      </c>
      <c r="U30" s="124">
        <v>169</v>
      </c>
      <c r="V30" s="128">
        <v>362</v>
      </c>
      <c r="W30" s="120">
        <v>531</v>
      </c>
    </row>
    <row r="31" spans="1:23" ht="20.100000000000001" customHeight="1" x14ac:dyDescent="0.2">
      <c r="A31" s="707" t="s">
        <v>41</v>
      </c>
      <c r="B31" s="708"/>
      <c r="C31" s="124">
        <v>27</v>
      </c>
      <c r="D31" s="125">
        <v>23</v>
      </c>
      <c r="E31" s="126">
        <v>50</v>
      </c>
      <c r="F31" s="124">
        <v>25</v>
      </c>
      <c r="G31" s="125">
        <v>22</v>
      </c>
      <c r="H31" s="126">
        <v>47</v>
      </c>
      <c r="I31" s="124">
        <v>2</v>
      </c>
      <c r="J31" s="125">
        <v>1</v>
      </c>
      <c r="K31" s="127">
        <v>3</v>
      </c>
      <c r="L31" s="124">
        <v>141</v>
      </c>
      <c r="M31" s="125">
        <v>56</v>
      </c>
      <c r="N31" s="126">
        <v>197</v>
      </c>
      <c r="O31" s="124">
        <v>89</v>
      </c>
      <c r="P31" s="125">
        <v>39</v>
      </c>
      <c r="Q31" s="126">
        <v>128</v>
      </c>
      <c r="R31" s="124">
        <v>52</v>
      </c>
      <c r="S31" s="125">
        <v>17</v>
      </c>
      <c r="T31" s="127">
        <v>69</v>
      </c>
      <c r="U31" s="124">
        <v>168</v>
      </c>
      <c r="V31" s="128">
        <v>79</v>
      </c>
      <c r="W31" s="120">
        <v>247</v>
      </c>
    </row>
    <row r="32" spans="1:23" ht="20.100000000000001" customHeight="1" x14ac:dyDescent="0.2">
      <c r="A32" s="707" t="s">
        <v>42</v>
      </c>
      <c r="B32" s="708"/>
      <c r="C32" s="124">
        <v>41</v>
      </c>
      <c r="D32" s="125">
        <v>39</v>
      </c>
      <c r="E32" s="126">
        <v>80</v>
      </c>
      <c r="F32" s="124">
        <v>36</v>
      </c>
      <c r="G32" s="125">
        <v>38</v>
      </c>
      <c r="H32" s="126">
        <v>74</v>
      </c>
      <c r="I32" s="124">
        <v>5</v>
      </c>
      <c r="J32" s="125">
        <v>1</v>
      </c>
      <c r="K32" s="127">
        <v>6</v>
      </c>
      <c r="L32" s="124">
        <v>173</v>
      </c>
      <c r="M32" s="125">
        <v>93</v>
      </c>
      <c r="N32" s="126">
        <v>266</v>
      </c>
      <c r="O32" s="124">
        <v>107</v>
      </c>
      <c r="P32" s="125">
        <v>65</v>
      </c>
      <c r="Q32" s="126">
        <v>172</v>
      </c>
      <c r="R32" s="124">
        <v>66</v>
      </c>
      <c r="S32" s="125">
        <v>28</v>
      </c>
      <c r="T32" s="127">
        <v>94</v>
      </c>
      <c r="U32" s="124">
        <v>214</v>
      </c>
      <c r="V32" s="128">
        <v>132</v>
      </c>
      <c r="W32" s="120">
        <v>346</v>
      </c>
    </row>
    <row r="33" spans="1:23" ht="20.100000000000001" customHeight="1" x14ac:dyDescent="0.2">
      <c r="A33" s="707" t="s">
        <v>43</v>
      </c>
      <c r="B33" s="708"/>
      <c r="C33" s="124">
        <v>45</v>
      </c>
      <c r="D33" s="125">
        <v>6</v>
      </c>
      <c r="E33" s="126">
        <v>51</v>
      </c>
      <c r="F33" s="124">
        <v>36</v>
      </c>
      <c r="G33" s="125">
        <v>5</v>
      </c>
      <c r="H33" s="126">
        <v>41</v>
      </c>
      <c r="I33" s="124">
        <v>9</v>
      </c>
      <c r="J33" s="125">
        <v>1</v>
      </c>
      <c r="K33" s="127">
        <v>10</v>
      </c>
      <c r="L33" s="124">
        <v>91</v>
      </c>
      <c r="M33" s="125">
        <v>26</v>
      </c>
      <c r="N33" s="126">
        <v>117</v>
      </c>
      <c r="O33" s="124">
        <v>60</v>
      </c>
      <c r="P33" s="125">
        <v>14</v>
      </c>
      <c r="Q33" s="126">
        <v>74</v>
      </c>
      <c r="R33" s="124">
        <v>31</v>
      </c>
      <c r="S33" s="125">
        <v>12</v>
      </c>
      <c r="T33" s="127">
        <v>43</v>
      </c>
      <c r="U33" s="124">
        <v>136</v>
      </c>
      <c r="V33" s="128">
        <v>32</v>
      </c>
      <c r="W33" s="120">
        <v>168</v>
      </c>
    </row>
    <row r="34" spans="1:23" ht="20.100000000000001" customHeight="1" x14ac:dyDescent="0.2">
      <c r="A34" s="701" t="s">
        <v>44</v>
      </c>
      <c r="B34" s="702"/>
      <c r="C34" s="124">
        <v>94</v>
      </c>
      <c r="D34" s="125">
        <v>39</v>
      </c>
      <c r="E34" s="126">
        <v>133</v>
      </c>
      <c r="F34" s="124">
        <v>77</v>
      </c>
      <c r="G34" s="125">
        <v>34</v>
      </c>
      <c r="H34" s="126">
        <v>111</v>
      </c>
      <c r="I34" s="124">
        <v>17</v>
      </c>
      <c r="J34" s="125">
        <v>5</v>
      </c>
      <c r="K34" s="127">
        <v>22</v>
      </c>
      <c r="L34" s="124">
        <v>103</v>
      </c>
      <c r="M34" s="125">
        <v>82</v>
      </c>
      <c r="N34" s="126">
        <v>185</v>
      </c>
      <c r="O34" s="124">
        <v>75</v>
      </c>
      <c r="P34" s="125">
        <v>69</v>
      </c>
      <c r="Q34" s="126">
        <v>144</v>
      </c>
      <c r="R34" s="124">
        <v>28</v>
      </c>
      <c r="S34" s="125">
        <v>13</v>
      </c>
      <c r="T34" s="127">
        <v>41</v>
      </c>
      <c r="U34" s="124">
        <v>197</v>
      </c>
      <c r="V34" s="128">
        <v>121</v>
      </c>
      <c r="W34" s="120">
        <v>318</v>
      </c>
    </row>
    <row r="35" spans="1:23" ht="20.100000000000001" customHeight="1" x14ac:dyDescent="0.2">
      <c r="A35" s="705" t="s">
        <v>45</v>
      </c>
      <c r="B35" s="706"/>
      <c r="C35" s="124">
        <v>37</v>
      </c>
      <c r="D35" s="125">
        <v>19</v>
      </c>
      <c r="E35" s="126">
        <v>56</v>
      </c>
      <c r="F35" s="124">
        <v>32</v>
      </c>
      <c r="G35" s="125">
        <v>18</v>
      </c>
      <c r="H35" s="126">
        <v>50</v>
      </c>
      <c r="I35" s="124">
        <v>5</v>
      </c>
      <c r="J35" s="125">
        <v>1</v>
      </c>
      <c r="K35" s="127">
        <v>6</v>
      </c>
      <c r="L35" s="124">
        <v>139</v>
      </c>
      <c r="M35" s="125">
        <v>65</v>
      </c>
      <c r="N35" s="126">
        <v>204</v>
      </c>
      <c r="O35" s="124">
        <v>106</v>
      </c>
      <c r="P35" s="125">
        <v>52</v>
      </c>
      <c r="Q35" s="126">
        <v>158</v>
      </c>
      <c r="R35" s="124">
        <v>33</v>
      </c>
      <c r="S35" s="125">
        <v>13</v>
      </c>
      <c r="T35" s="127">
        <v>46</v>
      </c>
      <c r="U35" s="124">
        <v>176</v>
      </c>
      <c r="V35" s="128">
        <v>84</v>
      </c>
      <c r="W35" s="120">
        <v>260</v>
      </c>
    </row>
    <row r="36" spans="1:23" ht="20.100000000000001" customHeight="1" thickBot="1" x14ac:dyDescent="0.25">
      <c r="A36" s="709" t="s">
        <v>46</v>
      </c>
      <c r="B36" s="710"/>
      <c r="C36" s="129">
        <v>16</v>
      </c>
      <c r="D36" s="130">
        <v>2</v>
      </c>
      <c r="E36" s="131">
        <v>18</v>
      </c>
      <c r="F36" s="129">
        <v>16</v>
      </c>
      <c r="G36" s="130">
        <v>2</v>
      </c>
      <c r="H36" s="131">
        <v>18</v>
      </c>
      <c r="I36" s="129">
        <v>0</v>
      </c>
      <c r="J36" s="130">
        <v>0</v>
      </c>
      <c r="K36" s="132">
        <v>0</v>
      </c>
      <c r="L36" s="129">
        <v>29</v>
      </c>
      <c r="M36" s="130">
        <v>5</v>
      </c>
      <c r="N36" s="131">
        <v>34</v>
      </c>
      <c r="O36" s="129">
        <v>19</v>
      </c>
      <c r="P36" s="130">
        <v>5</v>
      </c>
      <c r="Q36" s="131">
        <v>24</v>
      </c>
      <c r="R36" s="129">
        <v>10</v>
      </c>
      <c r="S36" s="130">
        <v>0</v>
      </c>
      <c r="T36" s="132">
        <v>10</v>
      </c>
      <c r="U36" s="129">
        <v>45</v>
      </c>
      <c r="V36" s="133">
        <v>7</v>
      </c>
      <c r="W36" s="134">
        <v>52</v>
      </c>
    </row>
    <row r="37" spans="1:23" ht="20.100000000000001" customHeight="1" thickTop="1" thickBot="1" x14ac:dyDescent="0.25">
      <c r="A37" s="711" t="s">
        <v>15</v>
      </c>
      <c r="B37" s="712"/>
      <c r="C37" s="135">
        <v>515</v>
      </c>
      <c r="D37" s="136">
        <v>439</v>
      </c>
      <c r="E37" s="137">
        <v>954</v>
      </c>
      <c r="F37" s="135">
        <v>457</v>
      </c>
      <c r="G37" s="136">
        <v>401</v>
      </c>
      <c r="H37" s="137">
        <v>858</v>
      </c>
      <c r="I37" s="135">
        <v>58</v>
      </c>
      <c r="J37" s="136">
        <v>38</v>
      </c>
      <c r="K37" s="138">
        <v>96</v>
      </c>
      <c r="L37" s="135">
        <v>1359</v>
      </c>
      <c r="M37" s="136">
        <v>871</v>
      </c>
      <c r="N37" s="137">
        <v>2230</v>
      </c>
      <c r="O37" s="135">
        <v>962</v>
      </c>
      <c r="P37" s="136">
        <v>658</v>
      </c>
      <c r="Q37" s="137">
        <v>1620</v>
      </c>
      <c r="R37" s="135">
        <v>397</v>
      </c>
      <c r="S37" s="136">
        <v>213</v>
      </c>
      <c r="T37" s="137">
        <v>610</v>
      </c>
      <c r="U37" s="135">
        <v>1874</v>
      </c>
      <c r="V37" s="136">
        <v>1310</v>
      </c>
      <c r="W37" s="137">
        <v>3184</v>
      </c>
    </row>
  </sheetData>
  <mergeCells count="51">
    <mergeCell ref="A36:B36"/>
    <mergeCell ref="A37:B37"/>
    <mergeCell ref="A32:B32"/>
    <mergeCell ref="A33:B33"/>
    <mergeCell ref="A29:B29"/>
    <mergeCell ref="A30:B30"/>
    <mergeCell ref="A31:B31"/>
    <mergeCell ref="A34:B34"/>
    <mergeCell ref="A35:B35"/>
    <mergeCell ref="A26:B28"/>
    <mergeCell ref="C26:K26"/>
    <mergeCell ref="L26:T26"/>
    <mergeCell ref="U26:W27"/>
    <mergeCell ref="C27:E27"/>
    <mergeCell ref="F27:H27"/>
    <mergeCell ref="I27:K27"/>
    <mergeCell ref="L27:N27"/>
    <mergeCell ref="O27:Q27"/>
    <mergeCell ref="R27:T27"/>
    <mergeCell ref="A19:B19"/>
    <mergeCell ref="A20:B20"/>
    <mergeCell ref="A21:B21"/>
    <mergeCell ref="A22:B22"/>
    <mergeCell ref="A23:B23"/>
    <mergeCell ref="A10:B10"/>
    <mergeCell ref="A11:B11"/>
    <mergeCell ref="A12:B12"/>
    <mergeCell ref="A13:B13"/>
    <mergeCell ref="A16:B18"/>
    <mergeCell ref="R5:T5"/>
    <mergeCell ref="A4:B6"/>
    <mergeCell ref="A7:B7"/>
    <mergeCell ref="A8:B8"/>
    <mergeCell ref="A9:B9"/>
    <mergeCell ref="C4:K4"/>
    <mergeCell ref="U4:W5"/>
    <mergeCell ref="C16:K16"/>
    <mergeCell ref="L16:T16"/>
    <mergeCell ref="U16:W17"/>
    <mergeCell ref="C17:E17"/>
    <mergeCell ref="F17:H17"/>
    <mergeCell ref="I17:K17"/>
    <mergeCell ref="L17:N17"/>
    <mergeCell ref="O17:Q17"/>
    <mergeCell ref="R17:T17"/>
    <mergeCell ref="L4:T4"/>
    <mergeCell ref="C5:E5"/>
    <mergeCell ref="F5:H5"/>
    <mergeCell ref="I5:K5"/>
    <mergeCell ref="L5:N5"/>
    <mergeCell ref="O5:Q5"/>
  </mergeCells>
  <phoneticPr fontId="1"/>
  <pageMargins left="0.62992125984251968" right="0.23622047244094491" top="0.55118110236220474" bottom="0.55118110236220474" header="0.31496062992125984" footer="0.31496062992125984"/>
  <pageSetup paperSize="9" scale="70" orientation="landscape" r:id="rId1"/>
  <headerFooter>
    <oddFooter>&amp;C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:K34"/>
  <sheetViews>
    <sheetView view="pageBreakPreview" zoomScale="78" zoomScaleNormal="80" zoomScaleSheetLayoutView="78" zoomScalePageLayoutView="45" workbookViewId="0"/>
  </sheetViews>
  <sheetFormatPr defaultColWidth="7.59765625" defaultRowHeight="20.100000000000001" customHeight="1" x14ac:dyDescent="0.2"/>
  <cols>
    <col min="1" max="1" width="16.5" style="1" customWidth="1"/>
    <col min="2" max="10" width="10.59765625" style="1" customWidth="1"/>
    <col min="11" max="16384" width="7.59765625" style="1"/>
  </cols>
  <sheetData>
    <row r="1" spans="1:11" ht="20.100000000000001" customHeight="1" x14ac:dyDescent="0.2">
      <c r="A1" s="298" t="s">
        <v>274</v>
      </c>
      <c r="B1" s="224"/>
      <c r="C1" s="224"/>
      <c r="D1" s="224"/>
      <c r="E1" s="224"/>
      <c r="F1" s="224"/>
      <c r="G1" s="224"/>
      <c r="H1" s="224"/>
      <c r="I1" s="224"/>
      <c r="J1" s="224"/>
      <c r="K1" s="224"/>
    </row>
    <row r="2" spans="1:11" ht="20.100000000000001" customHeight="1" x14ac:dyDescent="0.2">
      <c r="A2" s="300"/>
      <c r="B2" s="224"/>
      <c r="C2" s="224"/>
      <c r="D2" s="224"/>
      <c r="E2" s="224"/>
      <c r="F2" s="224"/>
      <c r="G2" s="224"/>
      <c r="H2" s="224"/>
      <c r="I2" s="224"/>
      <c r="J2" s="224"/>
      <c r="K2" s="224"/>
    </row>
    <row r="3" spans="1:11" ht="20.100000000000001" customHeight="1" thickBot="1" x14ac:dyDescent="0.25">
      <c r="A3" s="224" t="s">
        <v>57</v>
      </c>
      <c r="B3" s="224"/>
      <c r="C3" s="224"/>
      <c r="D3" s="224"/>
      <c r="E3" s="224"/>
      <c r="F3" s="224"/>
      <c r="G3" s="224"/>
      <c r="H3" s="224"/>
      <c r="I3" s="224"/>
      <c r="J3" s="224"/>
      <c r="K3" s="224"/>
    </row>
    <row r="4" spans="1:11" ht="20.100000000000001" customHeight="1" x14ac:dyDescent="0.2">
      <c r="A4" s="728" t="s">
        <v>7</v>
      </c>
      <c r="B4" s="725" t="s">
        <v>59</v>
      </c>
      <c r="C4" s="726"/>
      <c r="D4" s="727"/>
      <c r="E4" s="726" t="s">
        <v>60</v>
      </c>
      <c r="F4" s="726"/>
      <c r="G4" s="727"/>
      <c r="H4" s="725" t="s">
        <v>206</v>
      </c>
      <c r="I4" s="726"/>
      <c r="J4" s="727"/>
      <c r="K4" s="224"/>
    </row>
    <row r="5" spans="1:11" ht="27.9" customHeight="1" thickBot="1" x14ac:dyDescent="0.25">
      <c r="A5" s="729"/>
      <c r="B5" s="312" t="s">
        <v>205</v>
      </c>
      <c r="C5" s="313" t="s">
        <v>275</v>
      </c>
      <c r="D5" s="314" t="s">
        <v>207</v>
      </c>
      <c r="E5" s="315" t="s">
        <v>205</v>
      </c>
      <c r="F5" s="313" t="s">
        <v>275</v>
      </c>
      <c r="G5" s="314" t="s">
        <v>207</v>
      </c>
      <c r="H5" s="312" t="s">
        <v>63</v>
      </c>
      <c r="I5" s="313" t="s">
        <v>275</v>
      </c>
      <c r="J5" s="314" t="s">
        <v>207</v>
      </c>
      <c r="K5" s="224"/>
    </row>
    <row r="6" spans="1:11" ht="20.100000000000001" customHeight="1" thickTop="1" x14ac:dyDescent="0.2">
      <c r="A6" s="316" t="s">
        <v>86</v>
      </c>
      <c r="B6" s="16">
        <v>234</v>
      </c>
      <c r="C6" s="317">
        <v>6</v>
      </c>
      <c r="D6" s="82">
        <v>2.564102564102564E-2</v>
      </c>
      <c r="E6" s="83">
        <v>96</v>
      </c>
      <c r="F6" s="86">
        <v>3</v>
      </c>
      <c r="G6" s="82">
        <v>3.125E-2</v>
      </c>
      <c r="H6" s="16">
        <v>330</v>
      </c>
      <c r="I6" s="86">
        <v>9</v>
      </c>
      <c r="J6" s="82">
        <v>2.7272727272727271E-2</v>
      </c>
      <c r="K6" s="224"/>
    </row>
    <row r="7" spans="1:11" ht="20.100000000000001" customHeight="1" x14ac:dyDescent="0.2">
      <c r="A7" s="318" t="s">
        <v>87</v>
      </c>
      <c r="B7" s="18">
        <v>829</v>
      </c>
      <c r="C7" s="319">
        <v>13</v>
      </c>
      <c r="D7" s="165">
        <v>1.5681544028950542E-2</v>
      </c>
      <c r="E7" s="84">
        <v>251</v>
      </c>
      <c r="F7" s="87">
        <v>9</v>
      </c>
      <c r="G7" s="165">
        <v>3.5856573705179286E-2</v>
      </c>
      <c r="H7" s="18">
        <v>1080</v>
      </c>
      <c r="I7" s="87">
        <v>22</v>
      </c>
      <c r="J7" s="165">
        <v>2.0370370370370372E-2</v>
      </c>
      <c r="K7" s="224"/>
    </row>
    <row r="8" spans="1:11" ht="20.100000000000001" customHeight="1" x14ac:dyDescent="0.2">
      <c r="A8" s="318" t="s">
        <v>88</v>
      </c>
      <c r="B8" s="18">
        <v>495</v>
      </c>
      <c r="C8" s="319">
        <v>12</v>
      </c>
      <c r="D8" s="165">
        <v>2.4242424242424242E-2</v>
      </c>
      <c r="E8" s="84">
        <v>112</v>
      </c>
      <c r="F8" s="87">
        <v>5</v>
      </c>
      <c r="G8" s="165">
        <v>4.4642857142857144E-2</v>
      </c>
      <c r="H8" s="18">
        <v>607</v>
      </c>
      <c r="I8" s="87">
        <v>17</v>
      </c>
      <c r="J8" s="165">
        <v>2.800658978583196E-2</v>
      </c>
      <c r="K8" s="224"/>
    </row>
    <row r="9" spans="1:11" ht="20.100000000000001" customHeight="1" x14ac:dyDescent="0.2">
      <c r="A9" s="320" t="s">
        <v>89</v>
      </c>
      <c r="B9" s="18">
        <v>316</v>
      </c>
      <c r="C9" s="319">
        <v>7</v>
      </c>
      <c r="D9" s="165">
        <v>2.2151898734177215E-2</v>
      </c>
      <c r="E9" s="84">
        <v>99</v>
      </c>
      <c r="F9" s="89">
        <v>6</v>
      </c>
      <c r="G9" s="165">
        <v>6.0606060606060608E-2</v>
      </c>
      <c r="H9" s="18">
        <v>415</v>
      </c>
      <c r="I9" s="87">
        <v>13</v>
      </c>
      <c r="J9" s="165">
        <v>3.1325301204819279E-2</v>
      </c>
      <c r="K9" s="224"/>
    </row>
    <row r="10" spans="1:11" ht="20.100000000000001" customHeight="1" x14ac:dyDescent="0.2">
      <c r="A10" s="316" t="s">
        <v>90</v>
      </c>
      <c r="B10" s="18">
        <v>193</v>
      </c>
      <c r="C10" s="319">
        <v>5</v>
      </c>
      <c r="D10" s="165">
        <v>2.5906735751295335E-2</v>
      </c>
      <c r="E10" s="84">
        <v>59</v>
      </c>
      <c r="F10" s="87">
        <v>9</v>
      </c>
      <c r="G10" s="165">
        <v>0.15254237288135594</v>
      </c>
      <c r="H10" s="18">
        <v>252</v>
      </c>
      <c r="I10" s="87">
        <v>14</v>
      </c>
      <c r="J10" s="165">
        <v>5.5555555555555552E-2</v>
      </c>
      <c r="K10" s="224"/>
    </row>
    <row r="11" spans="1:11" ht="20.100000000000001" customHeight="1" thickBot="1" x14ac:dyDescent="0.25">
      <c r="A11" s="321" t="s">
        <v>10</v>
      </c>
      <c r="B11" s="19">
        <v>411</v>
      </c>
      <c r="C11" s="322">
        <v>21</v>
      </c>
      <c r="D11" s="166">
        <v>5.1094890510948905E-2</v>
      </c>
      <c r="E11" s="85">
        <v>89</v>
      </c>
      <c r="F11" s="90">
        <v>7</v>
      </c>
      <c r="G11" s="166">
        <v>7.8651685393258425E-2</v>
      </c>
      <c r="H11" s="19">
        <v>500</v>
      </c>
      <c r="I11" s="88">
        <v>28</v>
      </c>
      <c r="J11" s="166">
        <v>5.6000000000000001E-2</v>
      </c>
      <c r="K11" s="224"/>
    </row>
    <row r="12" spans="1:11" ht="20.100000000000001" customHeight="1" thickTop="1" thickBot="1" x14ac:dyDescent="0.25">
      <c r="A12" s="323" t="s">
        <v>15</v>
      </c>
      <c r="B12" s="21">
        <v>2478</v>
      </c>
      <c r="C12" s="79">
        <v>64</v>
      </c>
      <c r="D12" s="167">
        <v>2.5827280064568199E-2</v>
      </c>
      <c r="E12" s="81">
        <v>706</v>
      </c>
      <c r="F12" s="73">
        <v>39</v>
      </c>
      <c r="G12" s="167">
        <v>5.5240793201133141E-2</v>
      </c>
      <c r="H12" s="21">
        <v>3184</v>
      </c>
      <c r="I12" s="73">
        <v>103</v>
      </c>
      <c r="J12" s="167">
        <v>3.234924623115578E-2</v>
      </c>
      <c r="K12" s="224"/>
    </row>
    <row r="13" spans="1:11" ht="20.100000000000001" customHeight="1" x14ac:dyDescent="0.2">
      <c r="A13" s="224"/>
      <c r="B13" s="224"/>
      <c r="C13" s="224"/>
      <c r="D13" s="224"/>
      <c r="E13" s="224"/>
      <c r="F13" s="224"/>
      <c r="G13" s="224"/>
      <c r="H13" s="224"/>
      <c r="I13" s="224"/>
      <c r="J13" s="224"/>
      <c r="K13" s="224"/>
    </row>
    <row r="14" spans="1:11" ht="20.100000000000001" customHeight="1" thickBot="1" x14ac:dyDescent="0.25">
      <c r="A14" s="224" t="s">
        <v>64</v>
      </c>
      <c r="B14" s="224"/>
      <c r="C14" s="224"/>
      <c r="D14" s="224"/>
      <c r="E14" s="224"/>
      <c r="F14" s="224"/>
      <c r="G14" s="224"/>
      <c r="H14" s="224"/>
      <c r="I14" s="224"/>
      <c r="J14" s="224"/>
      <c r="K14" s="224"/>
    </row>
    <row r="15" spans="1:11" ht="20.100000000000001" customHeight="1" x14ac:dyDescent="0.2">
      <c r="A15" s="730" t="s">
        <v>72</v>
      </c>
      <c r="B15" s="725" t="s">
        <v>59</v>
      </c>
      <c r="C15" s="726"/>
      <c r="D15" s="727"/>
      <c r="E15" s="726" t="s">
        <v>60</v>
      </c>
      <c r="F15" s="726"/>
      <c r="G15" s="727"/>
      <c r="H15" s="725" t="s">
        <v>206</v>
      </c>
      <c r="I15" s="726"/>
      <c r="J15" s="727"/>
      <c r="K15" s="224"/>
    </row>
    <row r="16" spans="1:11" ht="27.9" customHeight="1" thickBot="1" x14ac:dyDescent="0.25">
      <c r="A16" s="731"/>
      <c r="B16" s="312" t="s">
        <v>205</v>
      </c>
      <c r="C16" s="313" t="s">
        <v>275</v>
      </c>
      <c r="D16" s="314" t="s">
        <v>207</v>
      </c>
      <c r="E16" s="315" t="s">
        <v>205</v>
      </c>
      <c r="F16" s="313" t="s">
        <v>275</v>
      </c>
      <c r="G16" s="314" t="s">
        <v>207</v>
      </c>
      <c r="H16" s="312" t="s">
        <v>63</v>
      </c>
      <c r="I16" s="313" t="s">
        <v>275</v>
      </c>
      <c r="J16" s="314" t="s">
        <v>207</v>
      </c>
      <c r="K16" s="224"/>
    </row>
    <row r="17" spans="1:11" ht="20.100000000000001" customHeight="1" thickTop="1" x14ac:dyDescent="0.2">
      <c r="A17" s="324" t="s">
        <v>17</v>
      </c>
      <c r="B17" s="17">
        <v>6</v>
      </c>
      <c r="C17" s="317">
        <v>0</v>
      </c>
      <c r="D17" s="82">
        <v>0</v>
      </c>
      <c r="E17" s="17">
        <v>4</v>
      </c>
      <c r="F17" s="86">
        <v>0</v>
      </c>
      <c r="G17" s="82">
        <v>0</v>
      </c>
      <c r="H17" s="16">
        <v>10</v>
      </c>
      <c r="I17" s="86">
        <v>0</v>
      </c>
      <c r="J17" s="82">
        <v>0</v>
      </c>
      <c r="K17" s="224"/>
    </row>
    <row r="18" spans="1:11" ht="20.100000000000001" customHeight="1" x14ac:dyDescent="0.2">
      <c r="A18" s="325" t="s">
        <v>18</v>
      </c>
      <c r="B18" s="18">
        <v>38</v>
      </c>
      <c r="C18" s="319">
        <v>2</v>
      </c>
      <c r="D18" s="165">
        <v>5.2631578947368418E-2</v>
      </c>
      <c r="E18" s="18">
        <v>16</v>
      </c>
      <c r="F18" s="87">
        <v>0</v>
      </c>
      <c r="G18" s="165">
        <v>0</v>
      </c>
      <c r="H18" s="18">
        <v>54</v>
      </c>
      <c r="I18" s="87">
        <v>2</v>
      </c>
      <c r="J18" s="165">
        <v>3.7037037037037035E-2</v>
      </c>
      <c r="K18" s="224"/>
    </row>
    <row r="19" spans="1:11" ht="20.100000000000001" customHeight="1" x14ac:dyDescent="0.2">
      <c r="A19" s="325" t="s">
        <v>19</v>
      </c>
      <c r="B19" s="18">
        <v>2364</v>
      </c>
      <c r="C19" s="319">
        <v>56</v>
      </c>
      <c r="D19" s="165">
        <v>2.3688663282571912E-2</v>
      </c>
      <c r="E19" s="18">
        <v>632</v>
      </c>
      <c r="F19" s="87">
        <v>31</v>
      </c>
      <c r="G19" s="165">
        <v>4.9050632911392403E-2</v>
      </c>
      <c r="H19" s="18">
        <v>2996</v>
      </c>
      <c r="I19" s="87">
        <v>87</v>
      </c>
      <c r="J19" s="165">
        <v>2.9038718291054741E-2</v>
      </c>
      <c r="K19" s="224"/>
    </row>
    <row r="20" spans="1:11" ht="20.100000000000001" customHeight="1" thickBot="1" x14ac:dyDescent="0.25">
      <c r="A20" s="326" t="s">
        <v>20</v>
      </c>
      <c r="B20" s="19">
        <v>70</v>
      </c>
      <c r="C20" s="322">
        <v>6</v>
      </c>
      <c r="D20" s="166">
        <v>8.5714285714285715E-2</v>
      </c>
      <c r="E20" s="19">
        <v>54</v>
      </c>
      <c r="F20" s="88">
        <v>8</v>
      </c>
      <c r="G20" s="166">
        <v>0.14814814814814814</v>
      </c>
      <c r="H20" s="19">
        <v>124</v>
      </c>
      <c r="I20" s="88">
        <v>14</v>
      </c>
      <c r="J20" s="166">
        <v>0.11290322580645161</v>
      </c>
      <c r="K20" s="224"/>
    </row>
    <row r="21" spans="1:11" ht="20.100000000000001" customHeight="1" thickTop="1" thickBot="1" x14ac:dyDescent="0.25">
      <c r="A21" s="327" t="s">
        <v>56</v>
      </c>
      <c r="B21" s="21">
        <v>2478</v>
      </c>
      <c r="C21" s="79">
        <v>64</v>
      </c>
      <c r="D21" s="167">
        <v>2.5827280064568199E-2</v>
      </c>
      <c r="E21" s="21">
        <v>706</v>
      </c>
      <c r="F21" s="80">
        <v>39</v>
      </c>
      <c r="G21" s="167">
        <v>5.5240793201133141E-2</v>
      </c>
      <c r="H21" s="21">
        <v>3184</v>
      </c>
      <c r="I21" s="80">
        <v>103</v>
      </c>
      <c r="J21" s="167">
        <v>3.234924623115578E-2</v>
      </c>
      <c r="K21" s="224"/>
    </row>
    <row r="22" spans="1:11" ht="20.100000000000001" customHeight="1" x14ac:dyDescent="0.2">
      <c r="A22" s="224"/>
      <c r="B22" s="22"/>
      <c r="C22" s="22"/>
      <c r="D22" s="22"/>
      <c r="E22" s="22"/>
      <c r="F22" s="23"/>
      <c r="G22" s="23"/>
      <c r="H22" s="22"/>
      <c r="I22" s="23"/>
      <c r="J22" s="23"/>
      <c r="K22" s="224"/>
    </row>
    <row r="23" spans="1:11" ht="20.100000000000001" customHeight="1" thickBot="1" x14ac:dyDescent="0.25">
      <c r="A23" s="224" t="s">
        <v>104</v>
      </c>
      <c r="B23" s="224"/>
      <c r="C23" s="224"/>
      <c r="D23" s="224"/>
      <c r="E23" s="224"/>
      <c r="F23" s="224"/>
      <c r="G23" s="224"/>
      <c r="H23" s="224"/>
      <c r="I23" s="224"/>
      <c r="J23" s="224"/>
      <c r="K23" s="224"/>
    </row>
    <row r="24" spans="1:11" ht="20.100000000000001" customHeight="1" x14ac:dyDescent="0.2">
      <c r="A24" s="728" t="s">
        <v>134</v>
      </c>
      <c r="B24" s="725" t="s">
        <v>59</v>
      </c>
      <c r="C24" s="726"/>
      <c r="D24" s="727"/>
      <c r="E24" s="726" t="s">
        <v>60</v>
      </c>
      <c r="F24" s="726"/>
      <c r="G24" s="727"/>
      <c r="H24" s="725" t="s">
        <v>206</v>
      </c>
      <c r="I24" s="726"/>
      <c r="J24" s="727"/>
      <c r="K24" s="224"/>
    </row>
    <row r="25" spans="1:11" ht="27.9" customHeight="1" thickBot="1" x14ac:dyDescent="0.25">
      <c r="A25" s="729"/>
      <c r="B25" s="312" t="s">
        <v>205</v>
      </c>
      <c r="C25" s="313" t="s">
        <v>275</v>
      </c>
      <c r="D25" s="314" t="s">
        <v>207</v>
      </c>
      <c r="E25" s="315" t="s">
        <v>205</v>
      </c>
      <c r="F25" s="313" t="s">
        <v>275</v>
      </c>
      <c r="G25" s="314" t="s">
        <v>207</v>
      </c>
      <c r="H25" s="312" t="s">
        <v>63</v>
      </c>
      <c r="I25" s="313" t="s">
        <v>275</v>
      </c>
      <c r="J25" s="314" t="s">
        <v>207</v>
      </c>
      <c r="K25" s="224"/>
    </row>
    <row r="26" spans="1:11" ht="20.100000000000001" customHeight="1" thickTop="1" x14ac:dyDescent="0.2">
      <c r="A26" s="316" t="s">
        <v>39</v>
      </c>
      <c r="B26" s="17">
        <v>1005</v>
      </c>
      <c r="C26" s="317">
        <v>23</v>
      </c>
      <c r="D26" s="82">
        <v>2.2885572139303482E-2</v>
      </c>
      <c r="E26" s="17">
        <v>257</v>
      </c>
      <c r="F26" s="328">
        <v>11</v>
      </c>
      <c r="G26" s="82">
        <v>4.2801556420233464E-2</v>
      </c>
      <c r="H26" s="16">
        <v>1262</v>
      </c>
      <c r="I26" s="86">
        <v>34</v>
      </c>
      <c r="J26" s="82">
        <v>2.694136291600634E-2</v>
      </c>
      <c r="K26" s="224"/>
    </row>
    <row r="27" spans="1:11" ht="20.100000000000001" customHeight="1" x14ac:dyDescent="0.2">
      <c r="A27" s="320" t="s">
        <v>105</v>
      </c>
      <c r="B27" s="18">
        <v>432</v>
      </c>
      <c r="C27" s="329">
        <v>10</v>
      </c>
      <c r="D27" s="168">
        <v>2.3148148148148147E-2</v>
      </c>
      <c r="E27" s="18">
        <v>99</v>
      </c>
      <c r="F27" s="87">
        <v>4</v>
      </c>
      <c r="G27" s="165">
        <v>4.0404040404040407E-2</v>
      </c>
      <c r="H27" s="18">
        <v>531</v>
      </c>
      <c r="I27" s="89">
        <v>14</v>
      </c>
      <c r="J27" s="168">
        <v>2.6365348399246705E-2</v>
      </c>
      <c r="K27" s="224"/>
    </row>
    <row r="28" spans="1:11" ht="20.100000000000001" customHeight="1" x14ac:dyDescent="0.2">
      <c r="A28" s="320" t="s">
        <v>41</v>
      </c>
      <c r="B28" s="18">
        <v>175</v>
      </c>
      <c r="C28" s="329">
        <v>5</v>
      </c>
      <c r="D28" s="168">
        <v>2.8571428571428571E-2</v>
      </c>
      <c r="E28" s="18">
        <v>72</v>
      </c>
      <c r="F28" s="87">
        <v>6</v>
      </c>
      <c r="G28" s="165">
        <v>8.3333333333333329E-2</v>
      </c>
      <c r="H28" s="18">
        <v>247</v>
      </c>
      <c r="I28" s="89">
        <v>11</v>
      </c>
      <c r="J28" s="168">
        <v>4.4534412955465584E-2</v>
      </c>
      <c r="K28" s="224"/>
    </row>
    <row r="29" spans="1:11" ht="20.100000000000001" customHeight="1" x14ac:dyDescent="0.2">
      <c r="A29" s="320" t="s">
        <v>42</v>
      </c>
      <c r="B29" s="18">
        <v>246</v>
      </c>
      <c r="C29" s="319">
        <v>2</v>
      </c>
      <c r="D29" s="165">
        <v>8.130081300813009E-3</v>
      </c>
      <c r="E29" s="18">
        <v>100</v>
      </c>
      <c r="F29" s="89">
        <v>4</v>
      </c>
      <c r="G29" s="165">
        <v>0.04</v>
      </c>
      <c r="H29" s="18">
        <v>346</v>
      </c>
      <c r="I29" s="89">
        <v>6</v>
      </c>
      <c r="J29" s="165">
        <v>1.7341040462427744E-2</v>
      </c>
      <c r="K29" s="224"/>
    </row>
    <row r="30" spans="1:11" ht="20.100000000000001" customHeight="1" x14ac:dyDescent="0.2">
      <c r="A30" s="320" t="s">
        <v>43</v>
      </c>
      <c r="B30" s="18">
        <v>115</v>
      </c>
      <c r="C30" s="319">
        <v>3</v>
      </c>
      <c r="D30" s="165">
        <v>2.6086956521739129E-2</v>
      </c>
      <c r="E30" s="18">
        <v>53</v>
      </c>
      <c r="F30" s="89">
        <v>4</v>
      </c>
      <c r="G30" s="165">
        <v>7.5471698113207544E-2</v>
      </c>
      <c r="H30" s="18">
        <v>168</v>
      </c>
      <c r="I30" s="89">
        <v>7</v>
      </c>
      <c r="J30" s="165">
        <v>4.1666666666666664E-2</v>
      </c>
      <c r="K30" s="224"/>
    </row>
    <row r="31" spans="1:11" ht="20.100000000000001" customHeight="1" x14ac:dyDescent="0.2">
      <c r="A31" s="316" t="s">
        <v>44</v>
      </c>
      <c r="B31" s="18">
        <v>255</v>
      </c>
      <c r="C31" s="319">
        <v>10</v>
      </c>
      <c r="D31" s="165">
        <v>3.9215686274509803E-2</v>
      </c>
      <c r="E31" s="18">
        <v>63</v>
      </c>
      <c r="F31" s="87">
        <v>6</v>
      </c>
      <c r="G31" s="165">
        <v>9.5238095238095233E-2</v>
      </c>
      <c r="H31" s="18">
        <v>318</v>
      </c>
      <c r="I31" s="87">
        <v>16</v>
      </c>
      <c r="J31" s="165">
        <v>5.0314465408805034E-2</v>
      </c>
      <c r="K31" s="224"/>
    </row>
    <row r="32" spans="1:11" ht="20.100000000000001" customHeight="1" x14ac:dyDescent="0.2">
      <c r="A32" s="318" t="s">
        <v>45</v>
      </c>
      <c r="B32" s="18">
        <v>208</v>
      </c>
      <c r="C32" s="319">
        <v>10</v>
      </c>
      <c r="D32" s="165">
        <v>4.807692307692308E-2</v>
      </c>
      <c r="E32" s="18">
        <v>52</v>
      </c>
      <c r="F32" s="87">
        <v>4</v>
      </c>
      <c r="G32" s="165">
        <v>7.6923076923076927E-2</v>
      </c>
      <c r="H32" s="18">
        <v>260</v>
      </c>
      <c r="I32" s="89">
        <v>14</v>
      </c>
      <c r="J32" s="165">
        <v>5.3846153846153849E-2</v>
      </c>
      <c r="K32" s="224"/>
    </row>
    <row r="33" spans="1:11" ht="20.100000000000001" customHeight="1" thickBot="1" x14ac:dyDescent="0.25">
      <c r="A33" s="321" t="s">
        <v>46</v>
      </c>
      <c r="B33" s="19">
        <v>42</v>
      </c>
      <c r="C33" s="322">
        <v>1</v>
      </c>
      <c r="D33" s="166">
        <v>2.3809523809523808E-2</v>
      </c>
      <c r="E33" s="19">
        <v>10</v>
      </c>
      <c r="F33" s="88">
        <v>0</v>
      </c>
      <c r="G33" s="166">
        <v>0</v>
      </c>
      <c r="H33" s="19">
        <v>52</v>
      </c>
      <c r="I33" s="90">
        <v>1</v>
      </c>
      <c r="J33" s="166">
        <v>1.9230769230769232E-2</v>
      </c>
      <c r="K33" s="224"/>
    </row>
    <row r="34" spans="1:11" ht="20.100000000000001" customHeight="1" thickTop="1" thickBot="1" x14ac:dyDescent="0.25">
      <c r="A34" s="323" t="s">
        <v>15</v>
      </c>
      <c r="B34" s="21">
        <v>2478</v>
      </c>
      <c r="C34" s="6">
        <v>64</v>
      </c>
      <c r="D34" s="169">
        <v>2.5827280064568199E-2</v>
      </c>
      <c r="E34" s="21">
        <v>706</v>
      </c>
      <c r="F34" s="73">
        <v>39</v>
      </c>
      <c r="G34" s="169">
        <v>5.5240793201133141E-2</v>
      </c>
      <c r="H34" s="21">
        <v>3184</v>
      </c>
      <c r="I34" s="80">
        <v>103</v>
      </c>
      <c r="J34" s="167">
        <v>3.234924623115578E-2</v>
      </c>
      <c r="K34" s="224"/>
    </row>
  </sheetData>
  <mergeCells count="12">
    <mergeCell ref="A4:A5"/>
    <mergeCell ref="A15:A16"/>
    <mergeCell ref="A24:A25"/>
    <mergeCell ref="B24:D24"/>
    <mergeCell ref="E24:G24"/>
    <mergeCell ref="H24:J24"/>
    <mergeCell ref="B4:D4"/>
    <mergeCell ref="E4:G4"/>
    <mergeCell ref="H4:J4"/>
    <mergeCell ref="B15:D15"/>
    <mergeCell ref="E15:G15"/>
    <mergeCell ref="H15:J15"/>
  </mergeCells>
  <phoneticPr fontId="1"/>
  <pageMargins left="0.82677165354330717" right="0.23622047244094491" top="0.74803149606299213" bottom="0.55118110236220474" header="0.31496062992125984" footer="0.31496062992125984"/>
  <pageSetup paperSize="9" scale="70" orientation="landscape" r:id="rId1"/>
  <headerFooter>
    <oddFooter>&amp;C&amp;P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A1:P34"/>
  <sheetViews>
    <sheetView view="pageBreakPreview" zoomScale="80" zoomScaleNormal="80" zoomScaleSheetLayoutView="80" zoomScalePageLayoutView="50" workbookViewId="0"/>
  </sheetViews>
  <sheetFormatPr defaultColWidth="10.59765625" defaultRowHeight="20.100000000000001" customHeight="1" x14ac:dyDescent="0.2"/>
  <cols>
    <col min="1" max="1" width="14.59765625" style="112" customWidth="1"/>
    <col min="2" max="6" width="12.59765625" style="112" customWidth="1"/>
    <col min="7" max="7" width="12.59765625" style="156" customWidth="1"/>
    <col min="8" max="9" width="12.59765625" style="112" customWidth="1"/>
    <col min="10" max="10" width="12.59765625" style="156" customWidth="1"/>
    <col min="11" max="12" width="12.59765625" style="112" customWidth="1"/>
    <col min="13" max="13" width="12.59765625" style="156" customWidth="1"/>
    <col min="14" max="15" width="12.59765625" style="112" customWidth="1"/>
    <col min="16" max="16" width="12.59765625" style="156" customWidth="1"/>
    <col min="17" max="16384" width="10.59765625" style="112"/>
  </cols>
  <sheetData>
    <row r="1" spans="1:16" ht="20.100000000000001" customHeight="1" x14ac:dyDescent="0.2">
      <c r="A1" s="281" t="s">
        <v>173</v>
      </c>
      <c r="B1" s="282"/>
      <c r="C1" s="282"/>
      <c r="D1" s="282"/>
      <c r="E1" s="282"/>
      <c r="F1" s="282"/>
      <c r="G1" s="330"/>
      <c r="H1" s="282"/>
      <c r="I1" s="282"/>
      <c r="J1" s="330"/>
      <c r="K1" s="282"/>
      <c r="L1" s="282"/>
      <c r="M1" s="330"/>
      <c r="N1" s="282"/>
      <c r="O1" s="282"/>
      <c r="P1" s="330"/>
    </row>
    <row r="2" spans="1:16" ht="20.100000000000001" customHeight="1" x14ac:dyDescent="0.2">
      <c r="A2" s="285"/>
      <c r="B2" s="282"/>
      <c r="C2" s="284" t="s">
        <v>278</v>
      </c>
      <c r="D2" s="282"/>
      <c r="E2" s="282"/>
      <c r="F2" s="282"/>
      <c r="G2" s="330"/>
      <c r="H2" s="282"/>
      <c r="I2" s="282"/>
      <c r="J2" s="330"/>
      <c r="K2" s="282"/>
      <c r="L2" s="282"/>
      <c r="M2" s="330"/>
      <c r="N2" s="282"/>
      <c r="O2" s="282"/>
      <c r="P2" s="330"/>
    </row>
    <row r="3" spans="1:16" ht="20.100000000000001" customHeight="1" thickBot="1" x14ac:dyDescent="0.25">
      <c r="A3" s="282" t="s">
        <v>51</v>
      </c>
      <c r="B3" s="282"/>
      <c r="C3" s="284" t="s">
        <v>279</v>
      </c>
      <c r="D3" s="282"/>
      <c r="E3" s="282"/>
      <c r="F3" s="282"/>
      <c r="G3" s="330"/>
      <c r="H3" s="282"/>
      <c r="I3" s="282"/>
      <c r="J3" s="330"/>
      <c r="K3" s="282"/>
      <c r="L3" s="282"/>
      <c r="M3" s="330"/>
      <c r="N3" s="282"/>
      <c r="O3" s="282"/>
      <c r="P3" s="330"/>
    </row>
    <row r="4" spans="1:16" ht="20.100000000000001" customHeight="1" x14ac:dyDescent="0.2">
      <c r="A4" s="678" t="s">
        <v>7</v>
      </c>
      <c r="B4" s="732" t="s">
        <v>151</v>
      </c>
      <c r="C4" s="733"/>
      <c r="D4" s="734"/>
      <c r="E4" s="732" t="s">
        <v>52</v>
      </c>
      <c r="F4" s="733"/>
      <c r="G4" s="734"/>
      <c r="H4" s="732" t="s">
        <v>117</v>
      </c>
      <c r="I4" s="733"/>
      <c r="J4" s="734"/>
      <c r="K4" s="732" t="s">
        <v>118</v>
      </c>
      <c r="L4" s="733"/>
      <c r="M4" s="734"/>
      <c r="N4" s="732" t="s">
        <v>119</v>
      </c>
      <c r="O4" s="733"/>
      <c r="P4" s="734"/>
    </row>
    <row r="5" spans="1:16" ht="20.100000000000001" customHeight="1" thickBot="1" x14ac:dyDescent="0.25">
      <c r="A5" s="679"/>
      <c r="B5" s="331" t="s">
        <v>276</v>
      </c>
      <c r="C5" s="332" t="s">
        <v>268</v>
      </c>
      <c r="D5" s="333" t="s">
        <v>132</v>
      </c>
      <c r="E5" s="334" t="s">
        <v>277</v>
      </c>
      <c r="F5" s="332" t="s">
        <v>268</v>
      </c>
      <c r="G5" s="335" t="s">
        <v>132</v>
      </c>
      <c r="H5" s="334" t="s">
        <v>277</v>
      </c>
      <c r="I5" s="332" t="s">
        <v>268</v>
      </c>
      <c r="J5" s="335" t="s">
        <v>132</v>
      </c>
      <c r="K5" s="334" t="s">
        <v>277</v>
      </c>
      <c r="L5" s="332" t="s">
        <v>268</v>
      </c>
      <c r="M5" s="335" t="s">
        <v>132</v>
      </c>
      <c r="N5" s="334" t="s">
        <v>277</v>
      </c>
      <c r="O5" s="332" t="s">
        <v>268</v>
      </c>
      <c r="P5" s="335" t="s">
        <v>132</v>
      </c>
    </row>
    <row r="6" spans="1:16" ht="20.100000000000001" customHeight="1" thickTop="1" x14ac:dyDescent="0.2">
      <c r="A6" s="289" t="s">
        <v>86</v>
      </c>
      <c r="B6" s="122">
        <v>22</v>
      </c>
      <c r="C6" s="145">
        <v>0</v>
      </c>
      <c r="D6" s="336">
        <v>0</v>
      </c>
      <c r="E6" s="195">
        <v>81</v>
      </c>
      <c r="F6" s="196">
        <v>9</v>
      </c>
      <c r="G6" s="336">
        <v>0.1111111111111111</v>
      </c>
      <c r="H6" s="122">
        <v>70</v>
      </c>
      <c r="I6" s="145">
        <v>13</v>
      </c>
      <c r="J6" s="336">
        <v>0.18571428571428572</v>
      </c>
      <c r="K6" s="122">
        <v>37</v>
      </c>
      <c r="L6" s="145">
        <v>13</v>
      </c>
      <c r="M6" s="336">
        <v>0.35135135135135137</v>
      </c>
      <c r="N6" s="122">
        <v>183</v>
      </c>
      <c r="O6" s="145">
        <v>24</v>
      </c>
      <c r="P6" s="336">
        <v>0.13114754098360656</v>
      </c>
    </row>
    <row r="7" spans="1:16" ht="20.100000000000001" customHeight="1" x14ac:dyDescent="0.2">
      <c r="A7" s="291" t="s">
        <v>87</v>
      </c>
      <c r="B7" s="124">
        <v>122</v>
      </c>
      <c r="C7" s="292">
        <v>21</v>
      </c>
      <c r="D7" s="336">
        <v>0.1721311475409836</v>
      </c>
      <c r="E7" s="199">
        <v>278</v>
      </c>
      <c r="F7" s="200">
        <v>42</v>
      </c>
      <c r="G7" s="336">
        <v>0.15107913669064749</v>
      </c>
      <c r="H7" s="124">
        <v>232</v>
      </c>
      <c r="I7" s="292">
        <v>37</v>
      </c>
      <c r="J7" s="336">
        <v>0.15948275862068967</v>
      </c>
      <c r="K7" s="124">
        <v>234</v>
      </c>
      <c r="L7" s="292">
        <v>56</v>
      </c>
      <c r="M7" s="336">
        <v>0.23931623931623933</v>
      </c>
      <c r="N7" s="124">
        <v>192</v>
      </c>
      <c r="O7" s="292">
        <v>33</v>
      </c>
      <c r="P7" s="336">
        <v>0.171875</v>
      </c>
    </row>
    <row r="8" spans="1:16" ht="20.100000000000001" customHeight="1" x14ac:dyDescent="0.2">
      <c r="A8" s="291" t="s">
        <v>88</v>
      </c>
      <c r="B8" s="124">
        <v>258</v>
      </c>
      <c r="C8" s="292">
        <v>21</v>
      </c>
      <c r="D8" s="336">
        <v>8.1395348837209308E-2</v>
      </c>
      <c r="E8" s="199">
        <v>317</v>
      </c>
      <c r="F8" s="200">
        <v>65</v>
      </c>
      <c r="G8" s="336">
        <v>0.20504731861198738</v>
      </c>
      <c r="H8" s="124">
        <v>324</v>
      </c>
      <c r="I8" s="292">
        <v>79</v>
      </c>
      <c r="J8" s="336">
        <v>0.24382716049382716</v>
      </c>
      <c r="K8" s="124">
        <v>302</v>
      </c>
      <c r="L8" s="292">
        <v>62</v>
      </c>
      <c r="M8" s="336">
        <v>0.20529801324503311</v>
      </c>
      <c r="N8" s="124">
        <v>277</v>
      </c>
      <c r="O8" s="292">
        <v>58</v>
      </c>
      <c r="P8" s="336">
        <v>0.20938628158844766</v>
      </c>
    </row>
    <row r="9" spans="1:16" s="113" customFormat="1" ht="20.100000000000001" customHeight="1" x14ac:dyDescent="0.2">
      <c r="A9" s="291" t="s">
        <v>89</v>
      </c>
      <c r="B9" s="124">
        <v>397</v>
      </c>
      <c r="C9" s="292">
        <v>33</v>
      </c>
      <c r="D9" s="336">
        <v>8.3123425692695208E-2</v>
      </c>
      <c r="E9" s="199">
        <v>392</v>
      </c>
      <c r="F9" s="200">
        <v>47</v>
      </c>
      <c r="G9" s="336">
        <v>0.11989795918367346</v>
      </c>
      <c r="H9" s="124">
        <v>366</v>
      </c>
      <c r="I9" s="292">
        <v>68</v>
      </c>
      <c r="J9" s="336">
        <v>0.18579234972677597</v>
      </c>
      <c r="K9" s="124">
        <v>287</v>
      </c>
      <c r="L9" s="292">
        <v>52</v>
      </c>
      <c r="M9" s="336">
        <v>0.18118466898954705</v>
      </c>
      <c r="N9" s="124">
        <v>256</v>
      </c>
      <c r="O9" s="292">
        <v>56</v>
      </c>
      <c r="P9" s="336">
        <v>0.21875</v>
      </c>
    </row>
    <row r="10" spans="1:16" s="113" customFormat="1" ht="20.100000000000001" customHeight="1" x14ac:dyDescent="0.2">
      <c r="A10" s="291" t="s">
        <v>90</v>
      </c>
      <c r="B10" s="124">
        <v>447</v>
      </c>
      <c r="C10" s="292">
        <v>32</v>
      </c>
      <c r="D10" s="336">
        <v>7.1588366890380312E-2</v>
      </c>
      <c r="E10" s="199">
        <v>443</v>
      </c>
      <c r="F10" s="200">
        <v>65</v>
      </c>
      <c r="G10" s="336">
        <v>0.14672686230248308</v>
      </c>
      <c r="H10" s="124">
        <v>388</v>
      </c>
      <c r="I10" s="292">
        <v>73</v>
      </c>
      <c r="J10" s="336">
        <v>0.18814432989690721</v>
      </c>
      <c r="K10" s="124">
        <v>388</v>
      </c>
      <c r="L10" s="292">
        <v>110</v>
      </c>
      <c r="M10" s="336">
        <v>0.28350515463917525</v>
      </c>
      <c r="N10" s="124">
        <v>432</v>
      </c>
      <c r="O10" s="292">
        <v>140</v>
      </c>
      <c r="P10" s="336">
        <v>0.32407407407407407</v>
      </c>
    </row>
    <row r="11" spans="1:16" ht="20.100000000000001" customHeight="1" thickBot="1" x14ac:dyDescent="0.25">
      <c r="A11" s="293" t="s">
        <v>10</v>
      </c>
      <c r="B11" s="129">
        <v>1484</v>
      </c>
      <c r="C11" s="146">
        <v>117</v>
      </c>
      <c r="D11" s="337">
        <v>7.8840970350404313E-2</v>
      </c>
      <c r="E11" s="218">
        <v>1443</v>
      </c>
      <c r="F11" s="219">
        <v>143</v>
      </c>
      <c r="G11" s="337">
        <v>9.90990990990991E-2</v>
      </c>
      <c r="H11" s="129">
        <v>1248</v>
      </c>
      <c r="I11" s="146">
        <v>183</v>
      </c>
      <c r="J11" s="337">
        <v>0.14663461538461539</v>
      </c>
      <c r="K11" s="129">
        <v>1044</v>
      </c>
      <c r="L11" s="146">
        <v>222</v>
      </c>
      <c r="M11" s="337">
        <v>0.21264367816091953</v>
      </c>
      <c r="N11" s="129">
        <v>878</v>
      </c>
      <c r="O11" s="146">
        <v>130</v>
      </c>
      <c r="P11" s="337">
        <v>0.1480637813211845</v>
      </c>
    </row>
    <row r="12" spans="1:16" s="113" customFormat="1" ht="20.100000000000001" customHeight="1" thickTop="1" thickBot="1" x14ac:dyDescent="0.25">
      <c r="A12" s="296" t="s">
        <v>15</v>
      </c>
      <c r="B12" s="147">
        <v>2730</v>
      </c>
      <c r="C12" s="149">
        <v>224</v>
      </c>
      <c r="D12" s="338">
        <v>8.2051282051282051E-2</v>
      </c>
      <c r="E12" s="339">
        <v>2954</v>
      </c>
      <c r="F12" s="212">
        <v>371</v>
      </c>
      <c r="G12" s="338">
        <v>0.12559241706161137</v>
      </c>
      <c r="H12" s="147">
        <v>2628</v>
      </c>
      <c r="I12" s="149">
        <v>453</v>
      </c>
      <c r="J12" s="338">
        <v>0.1723744292237443</v>
      </c>
      <c r="K12" s="147">
        <v>2292</v>
      </c>
      <c r="L12" s="149">
        <v>515</v>
      </c>
      <c r="M12" s="338">
        <v>0.22469458987783594</v>
      </c>
      <c r="N12" s="147">
        <v>2218</v>
      </c>
      <c r="O12" s="149">
        <v>441</v>
      </c>
      <c r="P12" s="338">
        <v>0.19882777276825969</v>
      </c>
    </row>
    <row r="13" spans="1:16" ht="20.100000000000001" customHeight="1" x14ac:dyDescent="0.2">
      <c r="A13" s="340"/>
      <c r="B13" s="341" t="s">
        <v>172</v>
      </c>
      <c r="C13" s="282"/>
      <c r="D13" s="282"/>
      <c r="E13" s="282"/>
      <c r="F13" s="282"/>
      <c r="G13" s="330"/>
      <c r="H13" s="282"/>
      <c r="I13" s="282"/>
      <c r="J13" s="330"/>
      <c r="K13" s="282"/>
      <c r="L13" s="282"/>
      <c r="M13" s="330"/>
      <c r="N13" s="282"/>
      <c r="O13" s="282"/>
      <c r="P13" s="330"/>
    </row>
    <row r="14" spans="1:16" ht="20.100000000000001" customHeight="1" thickBot="1" x14ac:dyDescent="0.25">
      <c r="A14" s="282" t="s">
        <v>16</v>
      </c>
      <c r="B14" s="282"/>
      <c r="C14" s="282"/>
      <c r="D14" s="282"/>
      <c r="E14" s="282"/>
      <c r="F14" s="282"/>
      <c r="G14" s="330"/>
      <c r="H14" s="282"/>
      <c r="I14" s="282"/>
      <c r="J14" s="330"/>
      <c r="K14" s="282"/>
      <c r="L14" s="282"/>
      <c r="M14" s="330"/>
      <c r="N14" s="282"/>
      <c r="O14" s="282"/>
      <c r="P14" s="330"/>
    </row>
    <row r="15" spans="1:16" ht="20.100000000000001" customHeight="1" x14ac:dyDescent="0.2">
      <c r="A15" s="678" t="s">
        <v>122</v>
      </c>
      <c r="B15" s="732" t="s">
        <v>151</v>
      </c>
      <c r="C15" s="733"/>
      <c r="D15" s="734"/>
      <c r="E15" s="732" t="s">
        <v>52</v>
      </c>
      <c r="F15" s="733"/>
      <c r="G15" s="734"/>
      <c r="H15" s="732" t="s">
        <v>117</v>
      </c>
      <c r="I15" s="733"/>
      <c r="J15" s="734"/>
      <c r="K15" s="732" t="s">
        <v>118</v>
      </c>
      <c r="L15" s="733"/>
      <c r="M15" s="734"/>
      <c r="N15" s="732" t="s">
        <v>119</v>
      </c>
      <c r="O15" s="733"/>
      <c r="P15" s="734"/>
    </row>
    <row r="16" spans="1:16" ht="20.100000000000001" customHeight="1" thickBot="1" x14ac:dyDescent="0.25">
      <c r="A16" s="679"/>
      <c r="B16" s="331" t="s">
        <v>276</v>
      </c>
      <c r="C16" s="332" t="s">
        <v>268</v>
      </c>
      <c r="D16" s="333" t="s">
        <v>132</v>
      </c>
      <c r="E16" s="334" t="s">
        <v>277</v>
      </c>
      <c r="F16" s="332" t="s">
        <v>268</v>
      </c>
      <c r="G16" s="335" t="s">
        <v>132</v>
      </c>
      <c r="H16" s="334" t="s">
        <v>277</v>
      </c>
      <c r="I16" s="332" t="s">
        <v>268</v>
      </c>
      <c r="J16" s="335" t="s">
        <v>132</v>
      </c>
      <c r="K16" s="334" t="s">
        <v>277</v>
      </c>
      <c r="L16" s="332" t="s">
        <v>268</v>
      </c>
      <c r="M16" s="335" t="s">
        <v>132</v>
      </c>
      <c r="N16" s="334" t="s">
        <v>277</v>
      </c>
      <c r="O16" s="332" t="s">
        <v>268</v>
      </c>
      <c r="P16" s="335" t="s">
        <v>132</v>
      </c>
    </row>
    <row r="17" spans="1:16" ht="20.100000000000001" customHeight="1" thickTop="1" x14ac:dyDescent="0.2">
      <c r="A17" s="289" t="s">
        <v>34</v>
      </c>
      <c r="B17" s="122">
        <v>14</v>
      </c>
      <c r="C17" s="145">
        <v>0</v>
      </c>
      <c r="D17" s="336">
        <v>0</v>
      </c>
      <c r="E17" s="195">
        <v>18</v>
      </c>
      <c r="F17" s="196">
        <v>0</v>
      </c>
      <c r="G17" s="336">
        <v>0</v>
      </c>
      <c r="H17" s="195">
        <v>19</v>
      </c>
      <c r="I17" s="196">
        <v>1</v>
      </c>
      <c r="J17" s="336">
        <v>5.2631578947368418E-2</v>
      </c>
      <c r="K17" s="195">
        <v>19</v>
      </c>
      <c r="L17" s="196">
        <v>1</v>
      </c>
      <c r="M17" s="336">
        <v>5.2631578947368418E-2</v>
      </c>
      <c r="N17" s="195">
        <v>17</v>
      </c>
      <c r="O17" s="196">
        <v>1</v>
      </c>
      <c r="P17" s="336">
        <v>5.8823529411764705E-2</v>
      </c>
    </row>
    <row r="18" spans="1:16" ht="20.100000000000001" customHeight="1" x14ac:dyDescent="0.2">
      <c r="A18" s="291" t="s">
        <v>35</v>
      </c>
      <c r="B18" s="122">
        <v>89</v>
      </c>
      <c r="C18" s="292">
        <v>3</v>
      </c>
      <c r="D18" s="336">
        <v>3.3707865168539325E-2</v>
      </c>
      <c r="E18" s="199">
        <v>116</v>
      </c>
      <c r="F18" s="200">
        <v>14</v>
      </c>
      <c r="G18" s="336">
        <v>0.1206896551724138</v>
      </c>
      <c r="H18" s="199">
        <v>98</v>
      </c>
      <c r="I18" s="200">
        <v>13</v>
      </c>
      <c r="J18" s="336">
        <v>0.1326530612244898</v>
      </c>
      <c r="K18" s="199">
        <v>83</v>
      </c>
      <c r="L18" s="200">
        <v>9</v>
      </c>
      <c r="M18" s="336">
        <v>0.10843373493975904</v>
      </c>
      <c r="N18" s="199">
        <v>79</v>
      </c>
      <c r="O18" s="200">
        <v>14</v>
      </c>
      <c r="P18" s="336">
        <v>0.17721518987341772</v>
      </c>
    </row>
    <row r="19" spans="1:16" s="113" customFormat="1" ht="20.100000000000001" customHeight="1" x14ac:dyDescent="0.2">
      <c r="A19" s="291" t="s">
        <v>36</v>
      </c>
      <c r="B19" s="122">
        <v>2616</v>
      </c>
      <c r="C19" s="292">
        <v>219</v>
      </c>
      <c r="D19" s="336">
        <v>8.3715596330275227E-2</v>
      </c>
      <c r="E19" s="199">
        <v>2807</v>
      </c>
      <c r="F19" s="200">
        <v>354</v>
      </c>
      <c r="G19" s="336">
        <v>0.12611328820805129</v>
      </c>
      <c r="H19" s="199">
        <v>2499</v>
      </c>
      <c r="I19" s="200">
        <v>436</v>
      </c>
      <c r="J19" s="336">
        <v>0.17446978791516607</v>
      </c>
      <c r="K19" s="199">
        <v>2177</v>
      </c>
      <c r="L19" s="200">
        <v>504</v>
      </c>
      <c r="M19" s="336">
        <v>0.23151125401929259</v>
      </c>
      <c r="N19" s="199">
        <v>2113</v>
      </c>
      <c r="O19" s="200">
        <v>424</v>
      </c>
      <c r="P19" s="336">
        <v>0.20066256507335542</v>
      </c>
    </row>
    <row r="20" spans="1:16" ht="20.100000000000001" customHeight="1" thickBot="1" x14ac:dyDescent="0.25">
      <c r="A20" s="293" t="s">
        <v>37</v>
      </c>
      <c r="B20" s="122">
        <v>11</v>
      </c>
      <c r="C20" s="146">
        <v>2</v>
      </c>
      <c r="D20" s="337">
        <v>0.18181818181818182</v>
      </c>
      <c r="E20" s="218">
        <v>13</v>
      </c>
      <c r="F20" s="219">
        <v>3</v>
      </c>
      <c r="G20" s="337">
        <v>0.23076923076923078</v>
      </c>
      <c r="H20" s="218">
        <v>12</v>
      </c>
      <c r="I20" s="219">
        <v>3</v>
      </c>
      <c r="J20" s="337">
        <v>0.25</v>
      </c>
      <c r="K20" s="218">
        <v>13</v>
      </c>
      <c r="L20" s="219">
        <v>1</v>
      </c>
      <c r="M20" s="337">
        <v>7.6923076923076927E-2</v>
      </c>
      <c r="N20" s="218">
        <v>9</v>
      </c>
      <c r="O20" s="219">
        <v>2</v>
      </c>
      <c r="P20" s="337">
        <v>0.22222222222222221</v>
      </c>
    </row>
    <row r="21" spans="1:16" s="113" customFormat="1" ht="20.100000000000001" customHeight="1" thickTop="1" thickBot="1" x14ac:dyDescent="0.25">
      <c r="A21" s="296" t="s">
        <v>169</v>
      </c>
      <c r="B21" s="147">
        <v>2730</v>
      </c>
      <c r="C21" s="149">
        <v>224</v>
      </c>
      <c r="D21" s="338">
        <v>8.2051282051282051E-2</v>
      </c>
      <c r="E21" s="209">
        <v>2954</v>
      </c>
      <c r="F21" s="210">
        <v>371</v>
      </c>
      <c r="G21" s="338">
        <v>0.12559241706161137</v>
      </c>
      <c r="H21" s="209">
        <v>2628</v>
      </c>
      <c r="I21" s="210">
        <v>453</v>
      </c>
      <c r="J21" s="338">
        <v>0.1723744292237443</v>
      </c>
      <c r="K21" s="209">
        <v>2292</v>
      </c>
      <c r="L21" s="210">
        <v>515</v>
      </c>
      <c r="M21" s="338">
        <v>0.22469458987783594</v>
      </c>
      <c r="N21" s="209">
        <v>2218</v>
      </c>
      <c r="O21" s="210">
        <v>441</v>
      </c>
      <c r="P21" s="338">
        <v>0.19882777276825969</v>
      </c>
    </row>
    <row r="22" spans="1:16" s="113" customFormat="1" ht="20.100000000000001" customHeight="1" x14ac:dyDescent="0.2">
      <c r="A22" s="340"/>
      <c r="B22" s="282"/>
      <c r="C22" s="139"/>
      <c r="D22" s="282"/>
      <c r="E22" s="139"/>
      <c r="F22" s="139"/>
      <c r="G22" s="330"/>
      <c r="H22" s="139"/>
      <c r="I22" s="139"/>
      <c r="J22" s="330"/>
      <c r="K22" s="139"/>
      <c r="L22" s="139"/>
      <c r="M22" s="330"/>
      <c r="N22" s="282"/>
      <c r="O22" s="282"/>
      <c r="P22" s="330"/>
    </row>
    <row r="23" spans="1:16" ht="20.100000000000001" customHeight="1" thickBot="1" x14ac:dyDescent="0.25">
      <c r="A23" s="282" t="s">
        <v>120</v>
      </c>
      <c r="B23" s="282"/>
      <c r="C23" s="282"/>
      <c r="D23" s="282"/>
      <c r="E23" s="282"/>
      <c r="F23" s="282"/>
      <c r="G23" s="330"/>
      <c r="H23" s="282"/>
      <c r="I23" s="282"/>
      <c r="J23" s="330"/>
      <c r="K23" s="282"/>
      <c r="L23" s="282"/>
      <c r="M23" s="330"/>
      <c r="N23" s="282"/>
      <c r="O23" s="282"/>
      <c r="P23" s="330"/>
    </row>
    <row r="24" spans="1:16" ht="20.100000000000001" customHeight="1" x14ac:dyDescent="0.2">
      <c r="A24" s="678" t="s">
        <v>121</v>
      </c>
      <c r="B24" s="732" t="s">
        <v>151</v>
      </c>
      <c r="C24" s="733"/>
      <c r="D24" s="734"/>
      <c r="E24" s="732" t="s">
        <v>52</v>
      </c>
      <c r="F24" s="733"/>
      <c r="G24" s="734"/>
      <c r="H24" s="732" t="s">
        <v>117</v>
      </c>
      <c r="I24" s="733"/>
      <c r="J24" s="734"/>
      <c r="K24" s="732" t="s">
        <v>118</v>
      </c>
      <c r="L24" s="733"/>
      <c r="M24" s="734"/>
      <c r="N24" s="732" t="s">
        <v>119</v>
      </c>
      <c r="O24" s="733"/>
      <c r="P24" s="734"/>
    </row>
    <row r="25" spans="1:16" ht="20.100000000000001" customHeight="1" thickBot="1" x14ac:dyDescent="0.25">
      <c r="A25" s="679"/>
      <c r="B25" s="331" t="s">
        <v>276</v>
      </c>
      <c r="C25" s="332" t="s">
        <v>268</v>
      </c>
      <c r="D25" s="333" t="s">
        <v>132</v>
      </c>
      <c r="E25" s="334" t="s">
        <v>277</v>
      </c>
      <c r="F25" s="332" t="s">
        <v>268</v>
      </c>
      <c r="G25" s="335" t="s">
        <v>132</v>
      </c>
      <c r="H25" s="334" t="s">
        <v>277</v>
      </c>
      <c r="I25" s="332" t="s">
        <v>268</v>
      </c>
      <c r="J25" s="335" t="s">
        <v>132</v>
      </c>
      <c r="K25" s="334" t="s">
        <v>277</v>
      </c>
      <c r="L25" s="332" t="s">
        <v>268</v>
      </c>
      <c r="M25" s="335" t="s">
        <v>132</v>
      </c>
      <c r="N25" s="334" t="s">
        <v>277</v>
      </c>
      <c r="O25" s="332" t="s">
        <v>268</v>
      </c>
      <c r="P25" s="335" t="s">
        <v>132</v>
      </c>
    </row>
    <row r="26" spans="1:16" ht="20.100000000000001" customHeight="1" thickTop="1" x14ac:dyDescent="0.2">
      <c r="A26" s="289" t="s">
        <v>39</v>
      </c>
      <c r="B26" s="122">
        <v>1292</v>
      </c>
      <c r="C26" s="145">
        <v>112</v>
      </c>
      <c r="D26" s="336">
        <v>8.6687306501547989E-2</v>
      </c>
      <c r="E26" s="195">
        <v>1297</v>
      </c>
      <c r="F26" s="196">
        <v>168</v>
      </c>
      <c r="G26" s="336">
        <v>0.12952968388589051</v>
      </c>
      <c r="H26" s="195">
        <v>1171</v>
      </c>
      <c r="I26" s="196">
        <v>193</v>
      </c>
      <c r="J26" s="336">
        <v>0.16481639624252775</v>
      </c>
      <c r="K26" s="195">
        <v>979</v>
      </c>
      <c r="L26" s="196">
        <v>204</v>
      </c>
      <c r="M26" s="336">
        <v>0.20837589376915219</v>
      </c>
      <c r="N26" s="195">
        <v>938</v>
      </c>
      <c r="O26" s="196">
        <v>116</v>
      </c>
      <c r="P26" s="336">
        <v>0.12366737739872068</v>
      </c>
    </row>
    <row r="27" spans="1:16" ht="20.100000000000001" customHeight="1" x14ac:dyDescent="0.2">
      <c r="A27" s="291" t="s">
        <v>40</v>
      </c>
      <c r="B27" s="124">
        <v>488</v>
      </c>
      <c r="C27" s="292">
        <v>37</v>
      </c>
      <c r="D27" s="336">
        <v>7.5819672131147542E-2</v>
      </c>
      <c r="E27" s="199">
        <v>590</v>
      </c>
      <c r="F27" s="200">
        <v>73</v>
      </c>
      <c r="G27" s="336">
        <v>0.12372881355932204</v>
      </c>
      <c r="H27" s="199">
        <v>522</v>
      </c>
      <c r="I27" s="200">
        <v>91</v>
      </c>
      <c r="J27" s="336">
        <v>0.17432950191570881</v>
      </c>
      <c r="K27" s="199">
        <v>471</v>
      </c>
      <c r="L27" s="200">
        <v>102</v>
      </c>
      <c r="M27" s="336">
        <v>0.21656050955414013</v>
      </c>
      <c r="N27" s="199">
        <v>365</v>
      </c>
      <c r="O27" s="200">
        <v>72</v>
      </c>
      <c r="P27" s="336">
        <v>0.19726027397260273</v>
      </c>
    </row>
    <row r="28" spans="1:16" ht="20.100000000000001" customHeight="1" x14ac:dyDescent="0.2">
      <c r="A28" s="291" t="s">
        <v>41</v>
      </c>
      <c r="B28" s="124">
        <v>235</v>
      </c>
      <c r="C28" s="292">
        <v>8</v>
      </c>
      <c r="D28" s="336">
        <v>3.4042553191489362E-2</v>
      </c>
      <c r="E28" s="199">
        <v>251</v>
      </c>
      <c r="F28" s="200">
        <v>33</v>
      </c>
      <c r="G28" s="336">
        <v>0.13147410358565736</v>
      </c>
      <c r="H28" s="199">
        <v>246</v>
      </c>
      <c r="I28" s="200">
        <v>49</v>
      </c>
      <c r="J28" s="336">
        <v>0.1991869918699187</v>
      </c>
      <c r="K28" s="199">
        <v>240</v>
      </c>
      <c r="L28" s="200">
        <v>84</v>
      </c>
      <c r="M28" s="336">
        <v>0.35</v>
      </c>
      <c r="N28" s="199">
        <v>297</v>
      </c>
      <c r="O28" s="200">
        <v>139</v>
      </c>
      <c r="P28" s="336">
        <v>0.46801346801346799</v>
      </c>
    </row>
    <row r="29" spans="1:16" ht="20.100000000000001" customHeight="1" x14ac:dyDescent="0.2">
      <c r="A29" s="291" t="s">
        <v>42</v>
      </c>
      <c r="B29" s="124">
        <v>217</v>
      </c>
      <c r="C29" s="292">
        <v>25</v>
      </c>
      <c r="D29" s="336">
        <v>0.1152073732718894</v>
      </c>
      <c r="E29" s="199">
        <v>294</v>
      </c>
      <c r="F29" s="200">
        <v>32</v>
      </c>
      <c r="G29" s="336">
        <v>0.10884353741496598</v>
      </c>
      <c r="H29" s="199">
        <v>175</v>
      </c>
      <c r="I29" s="200">
        <v>32</v>
      </c>
      <c r="J29" s="336">
        <v>0.18285714285714286</v>
      </c>
      <c r="K29" s="199">
        <v>169</v>
      </c>
      <c r="L29" s="200">
        <v>45</v>
      </c>
      <c r="M29" s="336">
        <v>0.26627218934911245</v>
      </c>
      <c r="N29" s="199">
        <v>200</v>
      </c>
      <c r="O29" s="200">
        <v>48</v>
      </c>
      <c r="P29" s="336">
        <v>0.24</v>
      </c>
    </row>
    <row r="30" spans="1:16" ht="20.100000000000001" customHeight="1" x14ac:dyDescent="0.2">
      <c r="A30" s="291" t="s">
        <v>43</v>
      </c>
      <c r="B30" s="124">
        <v>84</v>
      </c>
      <c r="C30" s="292">
        <v>6</v>
      </c>
      <c r="D30" s="336">
        <v>7.1428571428571425E-2</v>
      </c>
      <c r="E30" s="199">
        <v>99</v>
      </c>
      <c r="F30" s="200">
        <v>16</v>
      </c>
      <c r="G30" s="336">
        <v>0.16161616161616163</v>
      </c>
      <c r="H30" s="199">
        <v>91</v>
      </c>
      <c r="I30" s="200">
        <v>11</v>
      </c>
      <c r="J30" s="336">
        <v>0.12087912087912088</v>
      </c>
      <c r="K30" s="199">
        <v>80</v>
      </c>
      <c r="L30" s="200">
        <v>14</v>
      </c>
      <c r="M30" s="336">
        <v>0.17499999999999999</v>
      </c>
      <c r="N30" s="199">
        <v>91</v>
      </c>
      <c r="O30" s="200">
        <v>10</v>
      </c>
      <c r="P30" s="336">
        <v>0.10989010989010989</v>
      </c>
    </row>
    <row r="31" spans="1:16" ht="20.100000000000001" customHeight="1" x14ac:dyDescent="0.2">
      <c r="A31" s="291" t="s">
        <v>44</v>
      </c>
      <c r="B31" s="124">
        <v>225</v>
      </c>
      <c r="C31" s="292">
        <v>16</v>
      </c>
      <c r="D31" s="336">
        <v>7.1111111111111111E-2</v>
      </c>
      <c r="E31" s="199">
        <v>181</v>
      </c>
      <c r="F31" s="200">
        <v>23</v>
      </c>
      <c r="G31" s="336">
        <v>0.1270718232044199</v>
      </c>
      <c r="H31" s="199">
        <v>208</v>
      </c>
      <c r="I31" s="200">
        <v>40</v>
      </c>
      <c r="J31" s="336">
        <v>0.19230769230769232</v>
      </c>
      <c r="K31" s="199">
        <v>176</v>
      </c>
      <c r="L31" s="200">
        <v>38</v>
      </c>
      <c r="M31" s="336">
        <v>0.21590909090909091</v>
      </c>
      <c r="N31" s="199">
        <v>156</v>
      </c>
      <c r="O31" s="200">
        <v>27</v>
      </c>
      <c r="P31" s="336">
        <v>0.17307692307692307</v>
      </c>
    </row>
    <row r="32" spans="1:16" s="113" customFormat="1" ht="20.100000000000001" customHeight="1" x14ac:dyDescent="0.2">
      <c r="A32" s="291" t="s">
        <v>45</v>
      </c>
      <c r="B32" s="124">
        <v>112</v>
      </c>
      <c r="C32" s="292">
        <v>9</v>
      </c>
      <c r="D32" s="336">
        <v>8.0357142857142863E-2</v>
      </c>
      <c r="E32" s="199">
        <v>141</v>
      </c>
      <c r="F32" s="200">
        <v>11</v>
      </c>
      <c r="G32" s="336">
        <v>7.8014184397163122E-2</v>
      </c>
      <c r="H32" s="199">
        <v>118</v>
      </c>
      <c r="I32" s="200">
        <v>17</v>
      </c>
      <c r="J32" s="336">
        <v>0.1440677966101695</v>
      </c>
      <c r="K32" s="199">
        <v>118</v>
      </c>
      <c r="L32" s="200">
        <v>17</v>
      </c>
      <c r="M32" s="336">
        <v>0.1440677966101695</v>
      </c>
      <c r="N32" s="199">
        <v>109</v>
      </c>
      <c r="O32" s="200">
        <v>21</v>
      </c>
      <c r="P32" s="336">
        <v>0.19266055045871561</v>
      </c>
    </row>
    <row r="33" spans="1:16" s="113" customFormat="1" ht="20.100000000000001" customHeight="1" thickBot="1" x14ac:dyDescent="0.25">
      <c r="A33" s="342" t="s">
        <v>46</v>
      </c>
      <c r="B33" s="129">
        <v>77</v>
      </c>
      <c r="C33" s="146">
        <v>11</v>
      </c>
      <c r="D33" s="336">
        <v>0.14285714285714285</v>
      </c>
      <c r="E33" s="343">
        <v>101</v>
      </c>
      <c r="F33" s="200">
        <v>15</v>
      </c>
      <c r="G33" s="336">
        <v>0.14851485148514851</v>
      </c>
      <c r="H33" s="343">
        <v>97</v>
      </c>
      <c r="I33" s="200">
        <v>20</v>
      </c>
      <c r="J33" s="336">
        <v>0.20618556701030927</v>
      </c>
      <c r="K33" s="343">
        <v>59</v>
      </c>
      <c r="L33" s="200">
        <v>11</v>
      </c>
      <c r="M33" s="336">
        <v>0.1864406779661017</v>
      </c>
      <c r="N33" s="343">
        <v>62</v>
      </c>
      <c r="O33" s="200">
        <v>8</v>
      </c>
      <c r="P33" s="336">
        <v>0.12903225806451613</v>
      </c>
    </row>
    <row r="34" spans="1:16" s="113" customFormat="1" ht="20.100000000000001" customHeight="1" thickTop="1" thickBot="1" x14ac:dyDescent="0.25">
      <c r="A34" s="295" t="s">
        <v>15</v>
      </c>
      <c r="B34" s="147">
        <v>2730</v>
      </c>
      <c r="C34" s="149">
        <v>224</v>
      </c>
      <c r="D34" s="338">
        <v>8.2051282051282051E-2</v>
      </c>
      <c r="E34" s="209">
        <v>2954</v>
      </c>
      <c r="F34" s="212">
        <v>371</v>
      </c>
      <c r="G34" s="338">
        <v>0.12559241706161137</v>
      </c>
      <c r="H34" s="209">
        <v>2628</v>
      </c>
      <c r="I34" s="212">
        <v>453</v>
      </c>
      <c r="J34" s="338">
        <v>0.1723744292237443</v>
      </c>
      <c r="K34" s="209">
        <v>2292</v>
      </c>
      <c r="L34" s="212">
        <v>515</v>
      </c>
      <c r="M34" s="338">
        <v>0.22469458987783594</v>
      </c>
      <c r="N34" s="209">
        <v>2218</v>
      </c>
      <c r="O34" s="212">
        <v>441</v>
      </c>
      <c r="P34" s="338">
        <v>0.19882777276825969</v>
      </c>
    </row>
  </sheetData>
  <mergeCells count="18">
    <mergeCell ref="N24:P24"/>
    <mergeCell ref="A24:A25"/>
    <mergeCell ref="B24:D24"/>
    <mergeCell ref="E24:G24"/>
    <mergeCell ref="H24:J24"/>
    <mergeCell ref="K24:M24"/>
    <mergeCell ref="H15:J15"/>
    <mergeCell ref="K15:M15"/>
    <mergeCell ref="N15:P15"/>
    <mergeCell ref="A4:A5"/>
    <mergeCell ref="H4:J4"/>
    <mergeCell ref="K4:M4"/>
    <mergeCell ref="N4:P4"/>
    <mergeCell ref="B4:D4"/>
    <mergeCell ref="E4:G4"/>
    <mergeCell ref="A15:A16"/>
    <mergeCell ref="B15:D15"/>
    <mergeCell ref="E15:G15"/>
  </mergeCells>
  <phoneticPr fontId="1"/>
  <pageMargins left="0.82677165354330717" right="0.23622047244094491" top="0.55118110236220474" bottom="0.55118110236220474" header="0.31496062992125984" footer="0.31496062992125984"/>
  <pageSetup paperSize="9" scale="60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4</vt:i4>
      </vt:variant>
      <vt:variant>
        <vt:lpstr>名前付き一覧</vt:lpstr>
      </vt:variant>
      <vt:variant>
        <vt:i4>14</vt:i4>
      </vt:variant>
    </vt:vector>
  </HeadingPairs>
  <TitlesOfParts>
    <vt:vector size="28" baseType="lpstr">
      <vt:lpstr>１-１職員数・離職率</vt:lpstr>
      <vt:lpstr>１-２外国籍職員</vt:lpstr>
      <vt:lpstr>１-３看護補助者</vt:lpstr>
      <vt:lpstr>２-１新卒採用・離職（全体）</vt:lpstr>
      <vt:lpstr>２-２新卒（県内）</vt:lpstr>
      <vt:lpstr>２-３新卒（県外）</vt:lpstr>
      <vt:lpstr>３-1経験者採用状況 </vt:lpstr>
      <vt:lpstr>３-2経験者採用状況</vt:lpstr>
      <vt:lpstr>４経験年数別離職率</vt:lpstr>
      <vt:lpstr>５退職理由</vt:lpstr>
      <vt:lpstr>６新人研修</vt:lpstr>
      <vt:lpstr>７令和7年度採用状況</vt:lpstr>
      <vt:lpstr>８保有資格</vt:lpstr>
      <vt:lpstr>９特定行為研修</vt:lpstr>
      <vt:lpstr>'１-１職員数・離職率'!Print_Area</vt:lpstr>
      <vt:lpstr>'１-２外国籍職員'!Print_Area</vt:lpstr>
      <vt:lpstr>'１-３看護補助者'!Print_Area</vt:lpstr>
      <vt:lpstr>'２-１新卒採用・離職（全体）'!Print_Area</vt:lpstr>
      <vt:lpstr>'２-２新卒（県内）'!Print_Area</vt:lpstr>
      <vt:lpstr>'２-３新卒（県外）'!Print_Area</vt:lpstr>
      <vt:lpstr>'３-1経験者採用状況 '!Print_Area</vt:lpstr>
      <vt:lpstr>'３-2経験者採用状況'!Print_Area</vt:lpstr>
      <vt:lpstr>'４経験年数別離職率'!Print_Area</vt:lpstr>
      <vt:lpstr>'５退職理由'!Print_Area</vt:lpstr>
      <vt:lpstr>'６新人研修'!Print_Area</vt:lpstr>
      <vt:lpstr>'７令和7年度採用状況'!Print_Area</vt:lpstr>
      <vt:lpstr>'８保有資格'!Print_Area</vt:lpstr>
      <vt:lpstr>'９特定行為研修'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user</dc:creator>
  <cp:keywords/>
  <dc:description/>
  <cp:lastModifiedBy>user</cp:lastModifiedBy>
  <cp:lastPrinted>2025-12-15T04:14:04Z</cp:lastPrinted>
  <dcterms:created xsi:type="dcterms:W3CDTF">2020-02-06T07:40:23Z</dcterms:created>
  <dcterms:modified xsi:type="dcterms:W3CDTF">2025-12-15T04:14:15Z</dcterms:modified>
  <cp:category/>
</cp:coreProperties>
</file>